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593196\Dropbox\Neyedley-Meagher-Hanley - MOOSHLA\TGI_Round_2_Deliverables\March_2020_Thermobarometry_OFR\Revisions_May_2020\"/>
    </mc:Choice>
  </mc:AlternateContent>
  <bookViews>
    <workbookView xWindow="0" yWindow="0" windowWidth="2430" windowHeight="450" tabRatio="865"/>
  </bookViews>
  <sheets>
    <sheet name="Stop 10-CR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4" uniqueCount="124">
  <si>
    <t>File</t>
  </si>
  <si>
    <t>Time</t>
  </si>
  <si>
    <t>Ca44</t>
  </si>
  <si>
    <t>Ti47</t>
  </si>
  <si>
    <t>Cr53</t>
  </si>
  <si>
    <t>Fe56</t>
  </si>
  <si>
    <t>Cu63</t>
  </si>
  <si>
    <t>Cu65</t>
  </si>
  <si>
    <t>Zn66</t>
  </si>
  <si>
    <t>As75</t>
  </si>
  <si>
    <t>Sr88</t>
  </si>
  <si>
    <t>Y89</t>
  </si>
  <si>
    <t>Zr90</t>
  </si>
  <si>
    <t>Nb93</t>
  </si>
  <si>
    <t>Mo95</t>
  </si>
  <si>
    <t>Sn118</t>
  </si>
  <si>
    <t>La139</t>
  </si>
  <si>
    <t>Ce140</t>
  </si>
  <si>
    <t>Pr141</t>
  </si>
  <si>
    <t>Nd146</t>
  </si>
  <si>
    <t>Sm147</t>
  </si>
  <si>
    <t>Eu153</t>
  </si>
  <si>
    <t>Gd157</t>
  </si>
  <si>
    <t>Tb159</t>
  </si>
  <si>
    <t>Dy163</t>
  </si>
  <si>
    <t>Ho165</t>
  </si>
  <si>
    <t>Er166</t>
  </si>
  <si>
    <t>Tm169</t>
  </si>
  <si>
    <t>Yb172</t>
  </si>
  <si>
    <t>Lu175</t>
  </si>
  <si>
    <t>Hf178</t>
  </si>
  <si>
    <t>Ta181</t>
  </si>
  <si>
    <t>Pb208</t>
  </si>
  <si>
    <t>Th232</t>
  </si>
  <si>
    <t>U238</t>
  </si>
  <si>
    <t>2019_01_28a07.csv</t>
  </si>
  <si>
    <t>Stop_11_L_2</t>
  </si>
  <si>
    <t>2019_01_28a08.csv</t>
  </si>
  <si>
    <t>Stop_11_L_3</t>
  </si>
  <si>
    <t>&lt;1.0735</t>
  </si>
  <si>
    <t>2019_01_28a09.csv</t>
  </si>
  <si>
    <t>Stop_11_L_4</t>
  </si>
  <si>
    <t>2019_01_28a10.csv</t>
  </si>
  <si>
    <t>Stop_11_L_5</t>
  </si>
  <si>
    <t>2019_01_28a14.csv</t>
  </si>
  <si>
    <t>Stop_11_L_9</t>
  </si>
  <si>
    <t>2019_01_28a17.csv</t>
  </si>
  <si>
    <t>Stop_11_L_12</t>
  </si>
  <si>
    <t>&lt;1.1449</t>
  </si>
  <si>
    <t>2019_01_28a18.csv</t>
  </si>
  <si>
    <t>Stop_11_L_13</t>
  </si>
  <si>
    <t>2019_01_28a22.csv</t>
  </si>
  <si>
    <t>Stop_11_L_17</t>
  </si>
  <si>
    <t>2019_01_28a23.csv</t>
  </si>
  <si>
    <t>Stop_11_L_18</t>
  </si>
  <si>
    <t>2019_01_28a24.csv</t>
  </si>
  <si>
    <t>Stop_11_L_19</t>
  </si>
  <si>
    <t>2019_01_28a31.csv</t>
  </si>
  <si>
    <t>Stop_10_L_1</t>
  </si>
  <si>
    <t>&lt;1.2289</t>
  </si>
  <si>
    <t>2019_01_28a32.csv</t>
  </si>
  <si>
    <t>Stop_10_L_2</t>
  </si>
  <si>
    <t>&lt;2.3693</t>
  </si>
  <si>
    <t>2019_01_28a33.csv</t>
  </si>
  <si>
    <t>Stop_10_L_3</t>
  </si>
  <si>
    <t>&lt;1.6746</t>
  </si>
  <si>
    <t>2019_01_28a34.csv</t>
  </si>
  <si>
    <t>Stop_10_L_4</t>
  </si>
  <si>
    <t>&lt;1.159</t>
  </si>
  <si>
    <t>2019_01_28a35.csv</t>
  </si>
  <si>
    <t>Stop_10_L_5</t>
  </si>
  <si>
    <t>2019_01_28a41.csv</t>
  </si>
  <si>
    <t>Stop_10_L_11</t>
  </si>
  <si>
    <t>&lt;1.1314</t>
  </si>
  <si>
    <t>2019_01_28a43.csv</t>
  </si>
  <si>
    <t>Stop_10_L_13</t>
  </si>
  <si>
    <t>&lt;1.1344</t>
  </si>
  <si>
    <t>2019_01_28a51.csv</t>
  </si>
  <si>
    <t>Stop_10_L_21</t>
  </si>
  <si>
    <t>&lt;1.395</t>
  </si>
  <si>
    <t>2019_01_28a57.csv</t>
  </si>
  <si>
    <t>Stop_11_Sm_2</t>
  </si>
  <si>
    <t>2019_01_28a60.csv</t>
  </si>
  <si>
    <t>Stop_11_Sm_5</t>
  </si>
  <si>
    <t>&lt;1.2162</t>
  </si>
  <si>
    <t>2019_01_28a61.csv</t>
  </si>
  <si>
    <t>Stop_11_Sm_6</t>
  </si>
  <si>
    <t>2019_01_28a64.csv</t>
  </si>
  <si>
    <t>Stop_11_Sm_9</t>
  </si>
  <si>
    <t>2019_01_28a66.csv</t>
  </si>
  <si>
    <t>Stop_10_Sm_2</t>
  </si>
  <si>
    <t>&lt;1.1507</t>
  </si>
  <si>
    <t>2019_01_28a67.csv</t>
  </si>
  <si>
    <t>Stop_10_Sm_3</t>
  </si>
  <si>
    <t>&lt;1.4918</t>
  </si>
  <si>
    <t>2019_01_28a72.csv</t>
  </si>
  <si>
    <t>Stop_10_Sm_8</t>
  </si>
  <si>
    <t>&lt;1.2086</t>
  </si>
  <si>
    <t>2019_01_28a73.csv</t>
  </si>
  <si>
    <t>Stop_10_Sm_9</t>
  </si>
  <si>
    <t>&lt;1.4266</t>
  </si>
  <si>
    <t>2019_01_28a74.csv</t>
  </si>
  <si>
    <t>Stop_10_Sm_10</t>
  </si>
  <si>
    <t>&lt;1.2849</t>
  </si>
  <si>
    <t>2019_01_28a75.csv</t>
  </si>
  <si>
    <t>Stop_10_Sm_11</t>
  </si>
  <si>
    <t>&lt;1.1301</t>
  </si>
  <si>
    <t>2019_01_28a78.csv</t>
  </si>
  <si>
    <t>Stop_10_Sm_14</t>
  </si>
  <si>
    <t>2019_01_28a79.csv</t>
  </si>
  <si>
    <t>Stop_10_Sm_15</t>
  </si>
  <si>
    <t>&lt;1.0894</t>
  </si>
  <si>
    <t>2019_01_28a81.csv</t>
  </si>
  <si>
    <t>Stop_10_Sm_17</t>
  </si>
  <si>
    <t>&lt;1.0122</t>
  </si>
  <si>
    <t>2019_01_28a82.csv</t>
  </si>
  <si>
    <t>Stop_10_Sm_18</t>
  </si>
  <si>
    <t>&lt;1.0673</t>
  </si>
  <si>
    <t>Location</t>
  </si>
  <si>
    <t>Rim</t>
  </si>
  <si>
    <t>Core</t>
  </si>
  <si>
    <t>Grain</t>
  </si>
  <si>
    <t>Si29 (ppm)</t>
  </si>
  <si>
    <t>Analysi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" x14ac:knownFonts="1">
    <font>
      <sz val="11"/>
      <color theme="1"/>
      <name val="Calibri"/>
      <family val="2"/>
      <scheme val="minor"/>
    </font>
    <font>
      <sz val="9"/>
      <color theme="1"/>
      <name val="Times New Roman"/>
      <family val="1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5">
    <xf numFmtId="0" fontId="0" fillId="0" borderId="0" xfId="0"/>
    <xf numFmtId="0" fontId="0" fillId="0" borderId="0" xfId="0" applyFill="1"/>
    <xf numFmtId="1" fontId="0" fillId="0" borderId="0" xfId="0" applyNumberFormat="1" applyFill="1"/>
    <xf numFmtId="2" fontId="0" fillId="0" borderId="0" xfId="0" applyNumberFormat="1" applyFill="1"/>
    <xf numFmtId="0" fontId="1" fillId="0" borderId="0" xfId="0" applyFon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M33"/>
  <sheetViews>
    <sheetView tabSelected="1" topLeftCell="C1" zoomScale="80" zoomScaleNormal="80" workbookViewId="0">
      <pane ySplit="1" topLeftCell="A2" activePane="bottomLeft" state="frozen"/>
      <selection activeCell="H28" sqref="H28"/>
      <selection pane="bottomLeft" activeCell="R33" sqref="R33"/>
    </sheetView>
  </sheetViews>
  <sheetFormatPr defaultRowHeight="15" x14ac:dyDescent="0.25"/>
  <cols>
    <col min="1" max="1" width="19.140625" style="1" hidden="1" customWidth="1"/>
    <col min="2" max="2" width="0" style="1" hidden="1" customWidth="1"/>
    <col min="3" max="3" width="16" style="1" bestFit="1" customWidth="1"/>
    <col min="4" max="4" width="6.5703125" style="1" bestFit="1" customWidth="1"/>
    <col min="5" max="5" width="9.42578125" style="1" bestFit="1" customWidth="1"/>
    <col min="6" max="6" width="10" style="1" bestFit="1" customWidth="1"/>
    <col min="7" max="20" width="7.7109375" style="1" customWidth="1"/>
    <col min="21" max="21" width="8.140625" style="1" bestFit="1" customWidth="1"/>
    <col min="22" max="24" width="7.7109375" style="1" customWidth="1"/>
    <col min="25" max="25" width="8.140625" style="1" bestFit="1" customWidth="1"/>
    <col min="26" max="26" width="7.7109375" style="1" customWidth="1"/>
    <col min="27" max="27" width="8.140625" style="1" bestFit="1" customWidth="1"/>
    <col min="28" max="28" width="7.7109375" style="1" customWidth="1"/>
    <col min="29" max="29" width="8.140625" style="1" bestFit="1" customWidth="1"/>
    <col min="30" max="39" width="7.7109375" style="1" customWidth="1"/>
    <col min="40" max="16384" width="9.140625" style="1"/>
  </cols>
  <sheetData>
    <row r="1" spans="1:39" x14ac:dyDescent="0.25">
      <c r="A1" s="1" t="s">
        <v>0</v>
      </c>
      <c r="B1" s="1" t="s">
        <v>1</v>
      </c>
      <c r="C1" s="1" t="s">
        <v>123</v>
      </c>
      <c r="D1" s="1" t="s">
        <v>121</v>
      </c>
      <c r="E1" s="1" t="s">
        <v>118</v>
      </c>
      <c r="F1" s="4" t="s">
        <v>122</v>
      </c>
      <c r="G1" s="4" t="s">
        <v>2</v>
      </c>
      <c r="H1" s="4" t="s">
        <v>3</v>
      </c>
      <c r="I1" s="4" t="s">
        <v>4</v>
      </c>
      <c r="J1" s="4" t="s">
        <v>5</v>
      </c>
      <c r="K1" s="4" t="s">
        <v>6</v>
      </c>
      <c r="L1" s="4" t="s">
        <v>7</v>
      </c>
      <c r="M1" s="4" t="s">
        <v>8</v>
      </c>
      <c r="N1" s="4" t="s">
        <v>9</v>
      </c>
      <c r="O1" s="4" t="s">
        <v>10</v>
      </c>
      <c r="P1" s="4" t="s">
        <v>11</v>
      </c>
      <c r="Q1" s="4" t="s">
        <v>12</v>
      </c>
      <c r="R1" s="4" t="s">
        <v>13</v>
      </c>
      <c r="S1" s="4" t="s">
        <v>14</v>
      </c>
      <c r="T1" s="4" t="s">
        <v>15</v>
      </c>
      <c r="U1" s="4" t="s">
        <v>16</v>
      </c>
      <c r="V1" s="4" t="s">
        <v>17</v>
      </c>
      <c r="W1" s="4" t="s">
        <v>18</v>
      </c>
      <c r="X1" s="4" t="s">
        <v>19</v>
      </c>
      <c r="Y1" s="4" t="s">
        <v>20</v>
      </c>
      <c r="Z1" s="4" t="s">
        <v>21</v>
      </c>
      <c r="AA1" s="4" t="s">
        <v>22</v>
      </c>
      <c r="AB1" s="4" t="s">
        <v>23</v>
      </c>
      <c r="AC1" s="4" t="s">
        <v>24</v>
      </c>
      <c r="AD1" s="4" t="s">
        <v>25</v>
      </c>
      <c r="AE1" s="4" t="s">
        <v>26</v>
      </c>
      <c r="AF1" s="4" t="s">
        <v>27</v>
      </c>
      <c r="AG1" s="4" t="s">
        <v>28</v>
      </c>
      <c r="AH1" s="4" t="s">
        <v>29</v>
      </c>
      <c r="AI1" s="4" t="s">
        <v>30</v>
      </c>
      <c r="AJ1" s="4" t="s">
        <v>31</v>
      </c>
      <c r="AK1" s="4" t="s">
        <v>32</v>
      </c>
      <c r="AL1" s="4" t="s">
        <v>33</v>
      </c>
      <c r="AM1" s="4" t="s">
        <v>34</v>
      </c>
    </row>
    <row r="2" spans="1:39" x14ac:dyDescent="0.25">
      <c r="A2" s="1" t="s">
        <v>112</v>
      </c>
      <c r="B2" s="1">
        <v>28</v>
      </c>
      <c r="C2" s="1" t="s">
        <v>113</v>
      </c>
      <c r="D2" s="1">
        <v>12</v>
      </c>
      <c r="E2" s="1" t="s">
        <v>120</v>
      </c>
      <c r="F2" s="2">
        <v>143030</v>
      </c>
      <c r="G2" s="2">
        <v>179707.07236442962</v>
      </c>
      <c r="H2" s="2">
        <v>193199.11572271085</v>
      </c>
      <c r="I2" s="3" t="s">
        <v>114</v>
      </c>
      <c r="J2" s="2">
        <v>5477.8869014775337</v>
      </c>
      <c r="K2" s="3">
        <v>1.734486627943816</v>
      </c>
      <c r="L2" s="3">
        <v>3.8234566346805061</v>
      </c>
      <c r="M2" s="3">
        <v>5.9369536549163753</v>
      </c>
      <c r="N2" s="3">
        <v>19.842345523052575</v>
      </c>
      <c r="O2" s="3">
        <v>5.4593764726519289</v>
      </c>
      <c r="P2" s="2">
        <v>2338.0588994786408</v>
      </c>
      <c r="Q2" s="3">
        <v>56.477453338417376</v>
      </c>
      <c r="R2" s="3">
        <v>227.78653807579778</v>
      </c>
      <c r="S2" s="3">
        <v>3.683734098312184</v>
      </c>
      <c r="T2" s="3">
        <v>43.552962609698071</v>
      </c>
      <c r="U2" s="3">
        <v>662.07155003571665</v>
      </c>
      <c r="V2" s="2">
        <v>2628.9634176052828</v>
      </c>
      <c r="W2" s="3">
        <v>458.62019207405189</v>
      </c>
      <c r="X2" s="2">
        <v>2436.4698026579772</v>
      </c>
      <c r="Y2" s="3">
        <v>684.62659713361722</v>
      </c>
      <c r="Z2" s="3">
        <v>48.285272825587413</v>
      </c>
      <c r="AA2" s="3">
        <v>600.84984280841877</v>
      </c>
      <c r="AB2" s="3">
        <v>90.971729692606516</v>
      </c>
      <c r="AC2" s="3">
        <v>567.60388211749785</v>
      </c>
      <c r="AD2" s="3">
        <v>105.89216851899774</v>
      </c>
      <c r="AE2" s="3">
        <v>294.81330124109547</v>
      </c>
      <c r="AF2" s="3">
        <v>40.513939259104063</v>
      </c>
      <c r="AG2" s="3">
        <v>268.23167683182402</v>
      </c>
      <c r="AH2" s="3">
        <v>32.383778298291524</v>
      </c>
      <c r="AI2" s="3">
        <v>6.7470896114344772</v>
      </c>
      <c r="AJ2" s="3">
        <v>10.141739721760604</v>
      </c>
      <c r="AK2" s="3">
        <v>16.469300979849599</v>
      </c>
      <c r="AL2" s="3">
        <v>58.734715809612361</v>
      </c>
      <c r="AM2" s="3">
        <v>11.230904269095609</v>
      </c>
    </row>
    <row r="3" spans="1:39" x14ac:dyDescent="0.25">
      <c r="A3" s="1" t="s">
        <v>107</v>
      </c>
      <c r="B3" s="1">
        <v>25</v>
      </c>
      <c r="C3" s="1" t="s">
        <v>108</v>
      </c>
      <c r="D3" s="1">
        <v>18</v>
      </c>
      <c r="E3" s="1" t="s">
        <v>120</v>
      </c>
      <c r="F3" s="2">
        <v>143030</v>
      </c>
      <c r="G3" s="2">
        <v>171150.99492535574</v>
      </c>
      <c r="H3" s="2">
        <v>178385.12322618978</v>
      </c>
      <c r="I3" s="3">
        <v>0.91673713806770163</v>
      </c>
      <c r="J3" s="2">
        <v>7823.7261583810259</v>
      </c>
      <c r="K3" s="3">
        <v>1.5558890465962485</v>
      </c>
      <c r="L3" s="3">
        <v>3.7101873992039778</v>
      </c>
      <c r="M3" s="3">
        <v>5.3773790255745526</v>
      </c>
      <c r="N3" s="3">
        <v>11.869910940956737</v>
      </c>
      <c r="O3" s="3">
        <v>4.6155720833798561</v>
      </c>
      <c r="P3" s="2">
        <v>1353.0745249428689</v>
      </c>
      <c r="Q3" s="3">
        <v>26.476482714487283</v>
      </c>
      <c r="R3" s="3">
        <v>97.817393153045714</v>
      </c>
      <c r="S3" s="3">
        <v>2.7847154548717059</v>
      </c>
      <c r="T3" s="3">
        <v>68.239901620769004</v>
      </c>
      <c r="U3" s="3">
        <v>547.88787479626831</v>
      </c>
      <c r="V3" s="2">
        <v>2303.2384060752311</v>
      </c>
      <c r="W3" s="3">
        <v>326.44715865256853</v>
      </c>
      <c r="X3" s="2">
        <v>1422.7968327003337</v>
      </c>
      <c r="Y3" s="3">
        <v>341.66135039303322</v>
      </c>
      <c r="Z3" s="3">
        <v>38.502926926391936</v>
      </c>
      <c r="AA3" s="3">
        <v>310.65406910676967</v>
      </c>
      <c r="AB3" s="3">
        <v>48.640815436504354</v>
      </c>
      <c r="AC3" s="3">
        <v>306.23439192279977</v>
      </c>
      <c r="AD3" s="3">
        <v>59.137720384732901</v>
      </c>
      <c r="AE3" s="3">
        <v>167.51818363593986</v>
      </c>
      <c r="AF3" s="3">
        <v>23.153319568659693</v>
      </c>
      <c r="AG3" s="3">
        <v>150.52842567191453</v>
      </c>
      <c r="AH3" s="3">
        <v>18.953044951434812</v>
      </c>
      <c r="AI3" s="3">
        <v>2.2375174719170512</v>
      </c>
      <c r="AJ3" s="3">
        <v>2.6363681162845278</v>
      </c>
      <c r="AK3" s="3">
        <v>7.4546757968974404</v>
      </c>
      <c r="AL3" s="3">
        <v>25.072842649896586</v>
      </c>
      <c r="AM3" s="3">
        <v>17.5845818950989</v>
      </c>
    </row>
    <row r="4" spans="1:39" x14ac:dyDescent="0.25">
      <c r="A4" s="1" t="s">
        <v>109</v>
      </c>
      <c r="B4" s="1">
        <v>26</v>
      </c>
      <c r="C4" s="1" t="s">
        <v>110</v>
      </c>
      <c r="D4" s="1">
        <v>19</v>
      </c>
      <c r="E4" s="1" t="s">
        <v>120</v>
      </c>
      <c r="F4" s="2">
        <v>143030</v>
      </c>
      <c r="G4" s="2">
        <v>169001.59554205119</v>
      </c>
      <c r="H4" s="2">
        <v>180244.23191400254</v>
      </c>
      <c r="I4" s="3" t="s">
        <v>111</v>
      </c>
      <c r="J4" s="2">
        <v>5297.3040312322846</v>
      </c>
      <c r="K4" s="3">
        <v>1.3879472938072928</v>
      </c>
      <c r="L4" s="3">
        <v>3.2904722880064283</v>
      </c>
      <c r="M4" s="3">
        <v>4.6971447787879912</v>
      </c>
      <c r="N4" s="3">
        <v>15.85560718735362</v>
      </c>
      <c r="O4" s="3">
        <v>4.5045249874448947</v>
      </c>
      <c r="P4" s="2">
        <v>1980.0819962038236</v>
      </c>
      <c r="Q4" s="3">
        <v>27.762370507750916</v>
      </c>
      <c r="R4" s="3">
        <v>167.55936685249421</v>
      </c>
      <c r="S4" s="3">
        <v>3.3313221791480179</v>
      </c>
      <c r="T4" s="3">
        <v>32.86719831277177</v>
      </c>
      <c r="U4" s="3">
        <v>616.59720220110307</v>
      </c>
      <c r="V4" s="2">
        <v>1971.1070970448914</v>
      </c>
      <c r="W4" s="3">
        <v>355.29976437098225</v>
      </c>
      <c r="X4" s="2">
        <v>1956.8889915379025</v>
      </c>
      <c r="Y4" s="3">
        <v>553.33901435829807</v>
      </c>
      <c r="Z4" s="3">
        <v>34.768946198028353</v>
      </c>
      <c r="AA4" s="3">
        <v>499.33976723541866</v>
      </c>
      <c r="AB4" s="3">
        <v>76.25659999613363</v>
      </c>
      <c r="AC4" s="3">
        <v>471.18127638835472</v>
      </c>
      <c r="AD4" s="3">
        <v>89.789429168209054</v>
      </c>
      <c r="AE4" s="3">
        <v>254.09762373412707</v>
      </c>
      <c r="AF4" s="3">
        <v>34.754802366622087</v>
      </c>
      <c r="AG4" s="3">
        <v>231.73789458874728</v>
      </c>
      <c r="AH4" s="3">
        <v>30.291072238658227</v>
      </c>
      <c r="AI4" s="3">
        <v>1.3828326871796444</v>
      </c>
      <c r="AJ4" s="3">
        <v>2.1864042936943453</v>
      </c>
      <c r="AK4" s="3">
        <v>17.476068301138596</v>
      </c>
      <c r="AL4" s="3">
        <v>60.872224505355902</v>
      </c>
      <c r="AM4" s="3">
        <v>8.7103515856413889</v>
      </c>
    </row>
    <row r="5" spans="1:39" x14ac:dyDescent="0.25">
      <c r="A5" s="1" t="s">
        <v>71</v>
      </c>
      <c r="B5" s="1">
        <v>13</v>
      </c>
      <c r="C5" s="1" t="s">
        <v>72</v>
      </c>
      <c r="D5" s="1">
        <v>7</v>
      </c>
      <c r="E5" s="1" t="s">
        <v>119</v>
      </c>
      <c r="F5" s="2">
        <v>143030</v>
      </c>
      <c r="G5" s="2">
        <v>198928.83874198186</v>
      </c>
      <c r="H5" s="2">
        <v>219109.38083686045</v>
      </c>
      <c r="I5" s="3" t="s">
        <v>73</v>
      </c>
      <c r="J5" s="2">
        <v>7765.2634574236063</v>
      </c>
      <c r="K5" s="3">
        <v>1.1111102376659805</v>
      </c>
      <c r="L5" s="3">
        <v>2.9009082770023271</v>
      </c>
      <c r="M5" s="3">
        <v>3.517330682169197</v>
      </c>
      <c r="N5" s="3">
        <v>11.617776869447137</v>
      </c>
      <c r="O5" s="3">
        <v>7.0169433163788923</v>
      </c>
      <c r="P5" s="2">
        <v>2084.8364457299208</v>
      </c>
      <c r="Q5" s="3">
        <v>57.64762935786338</v>
      </c>
      <c r="R5" s="3">
        <v>193.86445956213626</v>
      </c>
      <c r="S5" s="3">
        <v>2.9834942322003162</v>
      </c>
      <c r="T5" s="3">
        <v>75.63875984587321</v>
      </c>
      <c r="U5" s="3">
        <v>756.29142151692815</v>
      </c>
      <c r="V5" s="2">
        <v>2829.6754366525938</v>
      </c>
      <c r="W5" s="3">
        <v>393.94563411509455</v>
      </c>
      <c r="X5" s="2">
        <v>1735.1664802021437</v>
      </c>
      <c r="Y5" s="3">
        <v>424.80958721171316</v>
      </c>
      <c r="Z5" s="3">
        <v>47.436341698317534</v>
      </c>
      <c r="AA5" s="3">
        <v>405.49152889481263</v>
      </c>
      <c r="AB5" s="3">
        <v>62.135484324297707</v>
      </c>
      <c r="AC5" s="3">
        <v>391.77347887388703</v>
      </c>
      <c r="AD5" s="3">
        <v>76.256378393555551</v>
      </c>
      <c r="AE5" s="3">
        <v>218.69118663102333</v>
      </c>
      <c r="AF5" s="3">
        <v>30.979782506571301</v>
      </c>
      <c r="AG5" s="3">
        <v>215.56208887774443</v>
      </c>
      <c r="AH5" s="3">
        <v>28.756598877031024</v>
      </c>
      <c r="AI5" s="3">
        <v>3.3441921873741705</v>
      </c>
      <c r="AJ5" s="3">
        <v>3.2500850244754096</v>
      </c>
      <c r="AK5" s="3">
        <v>11.817518388437842</v>
      </c>
      <c r="AL5" s="3">
        <v>44.827282744147475</v>
      </c>
      <c r="AM5" s="3">
        <v>11.16237491802686</v>
      </c>
    </row>
    <row r="6" spans="1:39" x14ac:dyDescent="0.25">
      <c r="A6" s="1" t="s">
        <v>57</v>
      </c>
      <c r="B6" s="1">
        <v>3</v>
      </c>
      <c r="C6" s="1" t="s">
        <v>58</v>
      </c>
      <c r="D6" s="1">
        <v>1</v>
      </c>
      <c r="E6" s="1" t="s">
        <v>119</v>
      </c>
      <c r="F6" s="2">
        <v>143030</v>
      </c>
      <c r="G6" s="2">
        <v>192578.7865211468</v>
      </c>
      <c r="H6" s="2">
        <v>207683.29138022562</v>
      </c>
      <c r="I6" s="3" t="s">
        <v>59</v>
      </c>
      <c r="J6" s="2">
        <v>8766.4756536372333</v>
      </c>
      <c r="K6" s="3">
        <v>0.78595759597094528</v>
      </c>
      <c r="L6" s="3">
        <v>2.978321751696495</v>
      </c>
      <c r="M6" s="3">
        <v>2.5926720423151726</v>
      </c>
      <c r="N6" s="3">
        <v>9.4161217744284542</v>
      </c>
      <c r="O6" s="3">
        <v>5.3496906828091255</v>
      </c>
      <c r="P6" s="2">
        <v>1618.3100470524316</v>
      </c>
      <c r="Q6" s="3">
        <v>78.232248608704523</v>
      </c>
      <c r="R6" s="3">
        <v>116.46006068500071</v>
      </c>
      <c r="S6" s="3">
        <v>2.5757101198645955</v>
      </c>
      <c r="T6" s="3">
        <v>67.890216714893711</v>
      </c>
      <c r="U6" s="3">
        <v>508.55235581931396</v>
      </c>
      <c r="V6" s="2">
        <v>1913.8613188420834</v>
      </c>
      <c r="W6" s="3">
        <v>298.36833731440203</v>
      </c>
      <c r="X6" s="2">
        <v>1459.7101885563814</v>
      </c>
      <c r="Y6" s="3">
        <v>375.29627432735566</v>
      </c>
      <c r="Z6" s="3">
        <v>32.701567488628434</v>
      </c>
      <c r="AA6" s="3">
        <v>348.75728149908269</v>
      </c>
      <c r="AB6" s="3">
        <v>52.042095106907006</v>
      </c>
      <c r="AC6" s="3">
        <v>322.32970290294548</v>
      </c>
      <c r="AD6" s="3">
        <v>62.34131692638686</v>
      </c>
      <c r="AE6" s="3">
        <v>176.37026502820447</v>
      </c>
      <c r="AF6" s="3">
        <v>24.100903595706313</v>
      </c>
      <c r="AG6" s="3">
        <v>158.76415584545623</v>
      </c>
      <c r="AH6" s="3">
        <v>21.134488928382904</v>
      </c>
      <c r="AI6" s="3">
        <v>10.627572219059303</v>
      </c>
      <c r="AJ6" s="3">
        <v>4.9534062920359636</v>
      </c>
      <c r="AK6" s="3">
        <v>6.348438252884046</v>
      </c>
      <c r="AL6" s="3">
        <v>23.120036963368321</v>
      </c>
      <c r="AM6" s="3">
        <v>9.1464691395617841</v>
      </c>
    </row>
    <row r="7" spans="1:39" x14ac:dyDescent="0.25">
      <c r="A7" s="1" t="s">
        <v>60</v>
      </c>
      <c r="B7" s="1">
        <v>4</v>
      </c>
      <c r="C7" s="1" t="s">
        <v>61</v>
      </c>
      <c r="D7" s="1">
        <v>2</v>
      </c>
      <c r="E7" s="1" t="s">
        <v>119</v>
      </c>
      <c r="F7" s="2">
        <v>143030</v>
      </c>
      <c r="G7" s="2">
        <v>198322.07157336085</v>
      </c>
      <c r="H7" s="2">
        <v>224874.91215337455</v>
      </c>
      <c r="I7" s="3" t="s">
        <v>62</v>
      </c>
      <c r="J7" s="2">
        <v>7795.6533813489086</v>
      </c>
      <c r="K7" s="3">
        <v>1.8861059469796235</v>
      </c>
      <c r="L7" s="3">
        <v>5.1803227028315879</v>
      </c>
      <c r="M7" s="3">
        <v>6.7047983681091514</v>
      </c>
      <c r="N7" s="3">
        <v>26.815952873375014</v>
      </c>
      <c r="O7" s="3">
        <v>5.2380244168320935</v>
      </c>
      <c r="P7" s="2">
        <v>3714.756587749308</v>
      </c>
      <c r="Q7" s="3">
        <v>82.002561639394116</v>
      </c>
      <c r="R7" s="3">
        <v>547.70954358930101</v>
      </c>
      <c r="S7" s="3">
        <v>2.1072701331249464</v>
      </c>
      <c r="T7" s="3">
        <v>331.97993894571653</v>
      </c>
      <c r="U7" s="3">
        <v>1328.9146890748175</v>
      </c>
      <c r="V7" s="2">
        <v>6262.7830037562644</v>
      </c>
      <c r="W7" s="3">
        <v>964.8681974285862</v>
      </c>
      <c r="X7" s="2">
        <v>4129.2834549037007</v>
      </c>
      <c r="Y7" s="3">
        <v>965.17498245398758</v>
      </c>
      <c r="Z7" s="3">
        <v>124.1094692470014</v>
      </c>
      <c r="AA7" s="3">
        <v>831.25312024113634</v>
      </c>
      <c r="AB7" s="3">
        <v>123.59241103811671</v>
      </c>
      <c r="AC7" s="3">
        <v>759.28068924904221</v>
      </c>
      <c r="AD7" s="3">
        <v>150.04867486118496</v>
      </c>
      <c r="AE7" s="3">
        <v>442.77529657005664</v>
      </c>
      <c r="AF7" s="3">
        <v>61.840174117684924</v>
      </c>
      <c r="AG7" s="3">
        <v>404.46718221429774</v>
      </c>
      <c r="AH7" s="3">
        <v>51.519808080273506</v>
      </c>
      <c r="AI7" s="3">
        <v>9.0737622704494161</v>
      </c>
      <c r="AJ7" s="3">
        <v>34.525254076246419</v>
      </c>
      <c r="AK7" s="3">
        <v>15.447658818475945</v>
      </c>
      <c r="AL7" s="3">
        <v>54.143729037552255</v>
      </c>
      <c r="AM7" s="3">
        <v>81.634505725592803</v>
      </c>
    </row>
    <row r="8" spans="1:39" x14ac:dyDescent="0.25">
      <c r="A8" s="1" t="s">
        <v>77</v>
      </c>
      <c r="B8" s="1">
        <v>23</v>
      </c>
      <c r="C8" s="1" t="s">
        <v>78</v>
      </c>
      <c r="D8" s="1">
        <v>2</v>
      </c>
      <c r="E8" s="1" t="s">
        <v>119</v>
      </c>
      <c r="F8" s="2">
        <v>143030</v>
      </c>
      <c r="G8" s="2">
        <v>206147.91948054079</v>
      </c>
      <c r="H8" s="2">
        <v>227634.36281869063</v>
      </c>
      <c r="I8" s="3" t="s">
        <v>79</v>
      </c>
      <c r="J8" s="2">
        <v>9955.3151883337905</v>
      </c>
      <c r="K8" s="3">
        <v>0.90879917088892836</v>
      </c>
      <c r="L8" s="3">
        <v>3.6631679896517193</v>
      </c>
      <c r="M8" s="3">
        <v>3.4009207865915427</v>
      </c>
      <c r="N8" s="3">
        <v>25.613752578809304</v>
      </c>
      <c r="O8" s="3">
        <v>3.351844271279925</v>
      </c>
      <c r="P8" s="2">
        <v>3506.850918816509</v>
      </c>
      <c r="Q8" s="3">
        <v>49.926346708545942</v>
      </c>
      <c r="R8" s="3">
        <v>232.24561789626586</v>
      </c>
      <c r="S8" s="3">
        <v>1.4187900778112623</v>
      </c>
      <c r="T8" s="3">
        <v>272.80778160496237</v>
      </c>
      <c r="U8" s="3">
        <v>804.49604286512852</v>
      </c>
      <c r="V8" s="2">
        <v>4508.1478307007665</v>
      </c>
      <c r="W8" s="3">
        <v>854.55595461461667</v>
      </c>
      <c r="X8" s="2">
        <v>4178.6257083483888</v>
      </c>
      <c r="Y8" s="3">
        <v>1080.9145892894153</v>
      </c>
      <c r="Z8" s="3">
        <v>111.76093316826619</v>
      </c>
      <c r="AA8" s="3">
        <v>908.88517808796871</v>
      </c>
      <c r="AB8" s="3">
        <v>132.6931327930688</v>
      </c>
      <c r="AC8" s="3">
        <v>800.79084500936926</v>
      </c>
      <c r="AD8" s="3">
        <v>151.20946337389475</v>
      </c>
      <c r="AE8" s="3">
        <v>420.47143282351442</v>
      </c>
      <c r="AF8" s="3">
        <v>57.057344000012208</v>
      </c>
      <c r="AG8" s="3">
        <v>358.24247567329121</v>
      </c>
      <c r="AH8" s="3">
        <v>40.186343366848277</v>
      </c>
      <c r="AI8" s="3">
        <v>7.2286383668948186</v>
      </c>
      <c r="AJ8" s="3">
        <v>8.67973065333614</v>
      </c>
      <c r="AK8" s="3">
        <v>3.4244021903962207</v>
      </c>
      <c r="AL8" s="3">
        <v>12.980471047242643</v>
      </c>
      <c r="AM8" s="3">
        <v>26.166545524876941</v>
      </c>
    </row>
    <row r="9" spans="1:39" x14ac:dyDescent="0.25">
      <c r="A9" s="1" t="s">
        <v>63</v>
      </c>
      <c r="B9" s="1">
        <v>5</v>
      </c>
      <c r="C9" s="1" t="s">
        <v>64</v>
      </c>
      <c r="D9" s="1">
        <v>2</v>
      </c>
      <c r="E9" s="1" t="s">
        <v>119</v>
      </c>
      <c r="F9" s="2">
        <v>143030</v>
      </c>
      <c r="G9" s="2">
        <v>201174.37173557433</v>
      </c>
      <c r="H9" s="2">
        <v>222124.75515163963</v>
      </c>
      <c r="I9" s="3" t="s">
        <v>65</v>
      </c>
      <c r="J9" s="2">
        <v>7316.2159187576781</v>
      </c>
      <c r="K9" s="3">
        <v>1.2219818117235803</v>
      </c>
      <c r="L9" s="3">
        <v>3.8975213336547991</v>
      </c>
      <c r="M9" s="3">
        <v>4.846521045112774</v>
      </c>
      <c r="N9" s="3">
        <v>21.8424109490314</v>
      </c>
      <c r="O9" s="3">
        <v>6.4166032174423275</v>
      </c>
      <c r="P9" s="2">
        <v>3771.6697352724577</v>
      </c>
      <c r="Q9" s="3">
        <v>78.253249138891434</v>
      </c>
      <c r="R9" s="3">
        <v>455.50220548183086</v>
      </c>
      <c r="S9" s="3">
        <v>1.6603371169389285</v>
      </c>
      <c r="T9" s="3">
        <v>248.73765487674476</v>
      </c>
      <c r="U9" s="3">
        <v>1174.1897089447393</v>
      </c>
      <c r="V9" s="2">
        <v>4998.3124017358286</v>
      </c>
      <c r="W9" s="3">
        <v>714.02305565614495</v>
      </c>
      <c r="X9" s="2">
        <v>3140.0314338187491</v>
      </c>
      <c r="Y9" s="3">
        <v>751.03288865621312</v>
      </c>
      <c r="Z9" s="3">
        <v>104.96523699779056</v>
      </c>
      <c r="AA9" s="3">
        <v>727.84304348886974</v>
      </c>
      <c r="AB9" s="3">
        <v>113.22518400717033</v>
      </c>
      <c r="AC9" s="3">
        <v>721.71483373850106</v>
      </c>
      <c r="AD9" s="3">
        <v>141.52245665306884</v>
      </c>
      <c r="AE9" s="3">
        <v>413.32595273301564</v>
      </c>
      <c r="AF9" s="3">
        <v>57.289203041104891</v>
      </c>
      <c r="AG9" s="3">
        <v>402.62163213528459</v>
      </c>
      <c r="AH9" s="3">
        <v>50.857172702608253</v>
      </c>
      <c r="AI9" s="3">
        <v>6.4024887659193013</v>
      </c>
      <c r="AJ9" s="3">
        <v>19.657530421045092</v>
      </c>
      <c r="AK9" s="3">
        <v>15.622337384423526</v>
      </c>
      <c r="AL9" s="3">
        <v>60.288622567581839</v>
      </c>
      <c r="AM9" s="3">
        <v>54.567345509145248</v>
      </c>
    </row>
    <row r="10" spans="1:39" x14ac:dyDescent="0.25">
      <c r="A10" s="1" t="s">
        <v>66</v>
      </c>
      <c r="B10" s="1">
        <v>6</v>
      </c>
      <c r="C10" s="1" t="s">
        <v>67</v>
      </c>
      <c r="D10" s="1">
        <v>2</v>
      </c>
      <c r="E10" s="1" t="s">
        <v>119</v>
      </c>
      <c r="F10" s="2">
        <v>143030</v>
      </c>
      <c r="G10" s="2">
        <v>199355.06460348837</v>
      </c>
      <c r="H10" s="2">
        <v>215298.63590186849</v>
      </c>
      <c r="I10" s="3" t="s">
        <v>68</v>
      </c>
      <c r="J10" s="2">
        <v>7981.5963920441918</v>
      </c>
      <c r="K10" s="3">
        <v>0.87766397791834172</v>
      </c>
      <c r="L10" s="3">
        <v>2.9886161766673442</v>
      </c>
      <c r="M10" s="3">
        <v>2.7393800242580131</v>
      </c>
      <c r="N10" s="3">
        <v>11.040616844329449</v>
      </c>
      <c r="O10" s="3">
        <v>3.6309970870464325</v>
      </c>
      <c r="P10" s="2">
        <v>1447.7142735462091</v>
      </c>
      <c r="Q10" s="3">
        <v>48.619790096431487</v>
      </c>
      <c r="R10" s="3">
        <v>149.54561145928838</v>
      </c>
      <c r="S10" s="3">
        <v>1.4541301342352229</v>
      </c>
      <c r="T10" s="3">
        <v>151.64784219112676</v>
      </c>
      <c r="U10" s="3">
        <v>564.07047443114857</v>
      </c>
      <c r="V10" s="2">
        <v>2728.7745585555144</v>
      </c>
      <c r="W10" s="3">
        <v>426.19212543996127</v>
      </c>
      <c r="X10" s="2">
        <v>1801.2033975256077</v>
      </c>
      <c r="Y10" s="3">
        <v>390.50510024229419</v>
      </c>
      <c r="Z10" s="3">
        <v>59.476999198799007</v>
      </c>
      <c r="AA10" s="3">
        <v>340.16907358083233</v>
      </c>
      <c r="AB10" s="3">
        <v>48.8947895698319</v>
      </c>
      <c r="AC10" s="3">
        <v>299.01337309859451</v>
      </c>
      <c r="AD10" s="3">
        <v>56.573767049681571</v>
      </c>
      <c r="AE10" s="3">
        <v>158.48139166190563</v>
      </c>
      <c r="AF10" s="3">
        <v>21.380746655165037</v>
      </c>
      <c r="AG10" s="3">
        <v>137.2536124791873</v>
      </c>
      <c r="AH10" s="3">
        <v>17.669949512156791</v>
      </c>
      <c r="AI10" s="3">
        <v>5.5403587024328989</v>
      </c>
      <c r="AJ10" s="3">
        <v>8.8698144856090391</v>
      </c>
      <c r="AK10" s="3">
        <v>3.2202562336906273</v>
      </c>
      <c r="AL10" s="3">
        <v>12.18845381696431</v>
      </c>
      <c r="AM10" s="3">
        <v>15.526500493274073</v>
      </c>
    </row>
    <row r="11" spans="1:39" x14ac:dyDescent="0.25">
      <c r="A11" s="1" t="s">
        <v>69</v>
      </c>
      <c r="B11" s="1">
        <v>7</v>
      </c>
      <c r="C11" s="1" t="s">
        <v>70</v>
      </c>
      <c r="D11" s="1">
        <v>2</v>
      </c>
      <c r="E11" s="1" t="s">
        <v>119</v>
      </c>
      <c r="F11" s="2">
        <v>143030</v>
      </c>
      <c r="G11" s="2">
        <v>199408.2383404804</v>
      </c>
      <c r="H11" s="2">
        <v>214388.94067473215</v>
      </c>
      <c r="I11" s="3">
        <v>1.5187863381551565</v>
      </c>
      <c r="J11" s="2">
        <v>9836.3038308059149</v>
      </c>
      <c r="K11" s="3">
        <v>1.0546784635860165</v>
      </c>
      <c r="L11" s="3">
        <v>3.4123936171914804</v>
      </c>
      <c r="M11" s="3">
        <v>3.6414069019085376</v>
      </c>
      <c r="N11" s="3">
        <v>26.890051034310016</v>
      </c>
      <c r="O11" s="3">
        <v>3.3383650525059942</v>
      </c>
      <c r="P11" s="2">
        <v>3432.2650490071178</v>
      </c>
      <c r="Q11" s="3">
        <v>41.611236439273753</v>
      </c>
      <c r="R11" s="3">
        <v>213.3805625854842</v>
      </c>
      <c r="S11" s="3">
        <v>1.320405248444279</v>
      </c>
      <c r="T11" s="3">
        <v>267.7755481965911</v>
      </c>
      <c r="U11" s="3">
        <v>798.37819224926159</v>
      </c>
      <c r="V11" s="2">
        <v>4617.0876537622162</v>
      </c>
      <c r="W11" s="3">
        <v>864.60972874344839</v>
      </c>
      <c r="X11" s="2">
        <v>4247.19410230631</v>
      </c>
      <c r="Y11" s="3">
        <v>1076.6183948522621</v>
      </c>
      <c r="Z11" s="3">
        <v>114.73713637815688</v>
      </c>
      <c r="AA11" s="3">
        <v>894.61165731220433</v>
      </c>
      <c r="AB11" s="3">
        <v>130.75450198194093</v>
      </c>
      <c r="AC11" s="3">
        <v>782.64324461567276</v>
      </c>
      <c r="AD11" s="3">
        <v>148.24723336808538</v>
      </c>
      <c r="AE11" s="3">
        <v>417.26325461267317</v>
      </c>
      <c r="AF11" s="3">
        <v>56.18397692516708</v>
      </c>
      <c r="AG11" s="3">
        <v>349.76606639952951</v>
      </c>
      <c r="AH11" s="3">
        <v>41.288152873734511</v>
      </c>
      <c r="AI11" s="3">
        <v>5.3840997298377049</v>
      </c>
      <c r="AJ11" s="3">
        <v>7.4890651324523576</v>
      </c>
      <c r="AK11" s="3">
        <v>3.6504901184216663</v>
      </c>
      <c r="AL11" s="3">
        <v>13.489888950226529</v>
      </c>
      <c r="AM11" s="3">
        <v>27.135374222168739</v>
      </c>
    </row>
    <row r="12" spans="1:39" x14ac:dyDescent="0.25">
      <c r="A12" s="1" t="s">
        <v>74</v>
      </c>
      <c r="B12" s="1">
        <v>15</v>
      </c>
      <c r="C12" s="1" t="s">
        <v>75</v>
      </c>
      <c r="D12" s="1">
        <v>9</v>
      </c>
      <c r="E12" s="1" t="s">
        <v>119</v>
      </c>
      <c r="F12" s="2">
        <v>143030</v>
      </c>
      <c r="G12" s="2">
        <v>199120.471132017</v>
      </c>
      <c r="H12" s="2">
        <v>222113.5678117096</v>
      </c>
      <c r="I12" s="3" t="s">
        <v>76</v>
      </c>
      <c r="J12" s="2">
        <v>7117.7837000129675</v>
      </c>
      <c r="K12" s="3">
        <v>0.93026282841831942</v>
      </c>
      <c r="L12" s="3">
        <v>3.3966208393695516</v>
      </c>
      <c r="M12" s="3">
        <v>3.3281349038456534</v>
      </c>
      <c r="N12" s="3">
        <v>14.034231224690382</v>
      </c>
      <c r="O12" s="3">
        <v>5.1764259882298633</v>
      </c>
      <c r="P12" s="2">
        <v>2142.7357209034099</v>
      </c>
      <c r="Q12" s="3">
        <v>62.731516345091727</v>
      </c>
      <c r="R12" s="3">
        <v>184.80378885167889</v>
      </c>
      <c r="S12" s="3">
        <v>1.6929348934985351</v>
      </c>
      <c r="T12" s="3">
        <v>139.39279371366513</v>
      </c>
      <c r="U12" s="3">
        <v>608.02404651805284</v>
      </c>
      <c r="V12" s="2">
        <v>2735.0991806784282</v>
      </c>
      <c r="W12" s="3">
        <v>464.93307136656978</v>
      </c>
      <c r="X12" s="2">
        <v>2233.3346740581096</v>
      </c>
      <c r="Y12" s="3">
        <v>554.43161537696062</v>
      </c>
      <c r="Z12" s="3">
        <v>72.44462977946074</v>
      </c>
      <c r="AA12" s="3">
        <v>494.36066857091589</v>
      </c>
      <c r="AB12" s="3">
        <v>72.655400017106103</v>
      </c>
      <c r="AC12" s="3">
        <v>444.33254674957448</v>
      </c>
      <c r="AD12" s="3">
        <v>85.215404282478417</v>
      </c>
      <c r="AE12" s="3">
        <v>237.85779776788311</v>
      </c>
      <c r="AF12" s="3">
        <v>32.1122790445215</v>
      </c>
      <c r="AG12" s="3">
        <v>200.57644314288834</v>
      </c>
      <c r="AH12" s="3">
        <v>25.134128603872881</v>
      </c>
      <c r="AI12" s="3">
        <v>6.5217291968431992</v>
      </c>
      <c r="AJ12" s="3">
        <v>9.7099610567412498</v>
      </c>
      <c r="AK12" s="3">
        <v>10.613404592155742</v>
      </c>
      <c r="AL12" s="3">
        <v>42.370498620768714</v>
      </c>
      <c r="AM12" s="3">
        <v>14.442123609901289</v>
      </c>
    </row>
    <row r="13" spans="1:39" x14ac:dyDescent="0.25">
      <c r="A13" s="1" t="s">
        <v>89</v>
      </c>
      <c r="B13" s="1">
        <v>13</v>
      </c>
      <c r="C13" s="1" t="s">
        <v>90</v>
      </c>
      <c r="D13" s="1">
        <v>12</v>
      </c>
      <c r="E13" s="1" t="s">
        <v>119</v>
      </c>
      <c r="F13" s="2">
        <v>143030</v>
      </c>
      <c r="G13" s="2">
        <v>176518.17771111222</v>
      </c>
      <c r="H13" s="2">
        <v>187763.76484444685</v>
      </c>
      <c r="I13" s="3" t="s">
        <v>91</v>
      </c>
      <c r="J13" s="2">
        <v>6852.5907881310595</v>
      </c>
      <c r="K13" s="3">
        <v>1.6943448538679988</v>
      </c>
      <c r="L13" s="3">
        <v>3.6939161707374066</v>
      </c>
      <c r="M13" s="3">
        <v>5.5965330481446198</v>
      </c>
      <c r="N13" s="3">
        <v>35.044479855732966</v>
      </c>
      <c r="O13" s="3">
        <v>3.7319103238482576</v>
      </c>
      <c r="P13" s="2">
        <v>2940.79708979323</v>
      </c>
      <c r="Q13" s="3">
        <v>41.185098738242068</v>
      </c>
      <c r="R13" s="3">
        <v>293.78565007461572</v>
      </c>
      <c r="S13" s="3">
        <v>1.8085225361250918</v>
      </c>
      <c r="T13" s="3">
        <v>278.55270828152328</v>
      </c>
      <c r="U13" s="3">
        <v>965.36913141539571</v>
      </c>
      <c r="V13" s="2">
        <v>5501.7751803240626</v>
      </c>
      <c r="W13" s="3">
        <v>985.36123240656673</v>
      </c>
      <c r="X13" s="2">
        <v>4573.354527566853</v>
      </c>
      <c r="Y13" s="3">
        <v>1072.9065714289402</v>
      </c>
      <c r="Z13" s="3">
        <v>141.32006090910309</v>
      </c>
      <c r="AA13" s="3">
        <v>853.8724086626828</v>
      </c>
      <c r="AB13" s="3">
        <v>124.12438181535373</v>
      </c>
      <c r="AC13" s="3">
        <v>751.15472311826261</v>
      </c>
      <c r="AD13" s="3">
        <v>139.18007885539859</v>
      </c>
      <c r="AE13" s="3">
        <v>378.43712718291084</v>
      </c>
      <c r="AF13" s="3">
        <v>51.059758602843111</v>
      </c>
      <c r="AG13" s="3">
        <v>322.19001706363497</v>
      </c>
      <c r="AH13" s="3">
        <v>37.752733631656859</v>
      </c>
      <c r="AI13" s="3">
        <v>7.5428546496798186</v>
      </c>
      <c r="AJ13" s="3">
        <v>16.076861660035483</v>
      </c>
      <c r="AK13" s="3">
        <v>7.5159305761002706</v>
      </c>
      <c r="AL13" s="3">
        <v>25.71826530700999</v>
      </c>
      <c r="AM13" s="3">
        <v>38.207701197480347</v>
      </c>
    </row>
    <row r="14" spans="1:39" x14ac:dyDescent="0.25">
      <c r="A14" s="1" t="s">
        <v>92</v>
      </c>
      <c r="B14" s="1">
        <v>14</v>
      </c>
      <c r="C14" s="1" t="s">
        <v>93</v>
      </c>
      <c r="D14" s="1">
        <v>12</v>
      </c>
      <c r="E14" s="1" t="s">
        <v>119</v>
      </c>
      <c r="F14" s="2">
        <v>143030</v>
      </c>
      <c r="G14" s="2">
        <v>180224.14222319698</v>
      </c>
      <c r="H14" s="2">
        <v>191913.4859308906</v>
      </c>
      <c r="I14" s="3" t="s">
        <v>94</v>
      </c>
      <c r="J14" s="2">
        <v>5938.8008713040863</v>
      </c>
      <c r="K14" s="3">
        <v>1.8080471316387423</v>
      </c>
      <c r="L14" s="3">
        <v>3.8401850829675048</v>
      </c>
      <c r="M14" s="3">
        <v>5.8477294974772231</v>
      </c>
      <c r="N14" s="3">
        <v>26.74760339750728</v>
      </c>
      <c r="O14" s="3">
        <v>4.2674760057859968</v>
      </c>
      <c r="P14" s="2">
        <v>3040.7828617204918</v>
      </c>
      <c r="Q14" s="3">
        <v>34.548123458663163</v>
      </c>
      <c r="R14" s="3">
        <v>231.61745230638141</v>
      </c>
      <c r="S14" s="3">
        <v>1.4399494249496121</v>
      </c>
      <c r="T14" s="3">
        <v>165.83107682437645</v>
      </c>
      <c r="U14" s="3">
        <v>504.62039940498533</v>
      </c>
      <c r="V14" s="2">
        <v>3165.2677684502992</v>
      </c>
      <c r="W14" s="3">
        <v>638.14634567704991</v>
      </c>
      <c r="X14" s="2">
        <v>3528.6709727604375</v>
      </c>
      <c r="Y14" s="3">
        <v>979.89771678568843</v>
      </c>
      <c r="Z14" s="3">
        <v>126.2891095866279</v>
      </c>
      <c r="AA14" s="3">
        <v>855.74198669399084</v>
      </c>
      <c r="AB14" s="3">
        <v>126.11172980037711</v>
      </c>
      <c r="AC14" s="3">
        <v>758.17272633898119</v>
      </c>
      <c r="AD14" s="3">
        <v>143.6941059078207</v>
      </c>
      <c r="AE14" s="3">
        <v>394.48443690754198</v>
      </c>
      <c r="AF14" s="3">
        <v>53.343684323057026</v>
      </c>
      <c r="AG14" s="3">
        <v>357.84644318859284</v>
      </c>
      <c r="AH14" s="3">
        <v>43.587260246125112</v>
      </c>
      <c r="AI14" s="3">
        <v>6.0192321355576546</v>
      </c>
      <c r="AJ14" s="3">
        <v>15.256622124704881</v>
      </c>
      <c r="AK14" s="3">
        <v>10.335455040172834</v>
      </c>
      <c r="AL14" s="3">
        <v>36.35665097890076</v>
      </c>
      <c r="AM14" s="3">
        <v>27.357318944632102</v>
      </c>
    </row>
    <row r="15" spans="1:39" x14ac:dyDescent="0.25">
      <c r="A15" s="1" t="s">
        <v>115</v>
      </c>
      <c r="B15" s="1">
        <v>29</v>
      </c>
      <c r="C15" s="1" t="s">
        <v>116</v>
      </c>
      <c r="D15" s="1">
        <v>15</v>
      </c>
      <c r="E15" s="1" t="s">
        <v>119</v>
      </c>
      <c r="F15" s="2">
        <v>143030</v>
      </c>
      <c r="G15" s="2">
        <v>171322.43565856913</v>
      </c>
      <c r="H15" s="2">
        <v>176016.56327312216</v>
      </c>
      <c r="I15" s="3" t="s">
        <v>117</v>
      </c>
      <c r="J15" s="2">
        <v>6814.9738659761642</v>
      </c>
      <c r="K15" s="3">
        <v>1.5765117476193036</v>
      </c>
      <c r="L15" s="3">
        <v>3.5957389088194991</v>
      </c>
      <c r="M15" s="3">
        <v>4.8495885801618783</v>
      </c>
      <c r="N15" s="3">
        <v>9.7064396660557719</v>
      </c>
      <c r="O15" s="3">
        <v>4.7252519032063649</v>
      </c>
      <c r="P15" s="2">
        <v>1042.6091146920969</v>
      </c>
      <c r="Q15" s="3">
        <v>26.245007886256339</v>
      </c>
      <c r="R15" s="3">
        <v>118.72236649044336</v>
      </c>
      <c r="S15" s="3">
        <v>2.6315821235712127</v>
      </c>
      <c r="T15" s="3">
        <v>63.372610492430063</v>
      </c>
      <c r="U15" s="3">
        <v>539.36937821065806</v>
      </c>
      <c r="V15" s="2">
        <v>2167.6467559532889</v>
      </c>
      <c r="W15" s="3">
        <v>293.63134168541217</v>
      </c>
      <c r="X15" s="2">
        <v>1219.9309537756326</v>
      </c>
      <c r="Y15" s="3">
        <v>277.55186988248198</v>
      </c>
      <c r="Z15" s="3">
        <v>32.759723996130433</v>
      </c>
      <c r="AA15" s="3">
        <v>247.93453609807858</v>
      </c>
      <c r="AB15" s="3">
        <v>38.94129399943143</v>
      </c>
      <c r="AC15" s="3">
        <v>242.91901864946843</v>
      </c>
      <c r="AD15" s="3">
        <v>45.999082709378641</v>
      </c>
      <c r="AE15" s="3">
        <v>130.00053244887494</v>
      </c>
      <c r="AF15" s="3">
        <v>17.812015409327707</v>
      </c>
      <c r="AG15" s="3">
        <v>115.63530141387345</v>
      </c>
      <c r="AH15" s="3">
        <v>14.817334955388082</v>
      </c>
      <c r="AI15" s="3">
        <v>2.5518444016233901</v>
      </c>
      <c r="AJ15" s="3">
        <v>4.6641501880767473</v>
      </c>
      <c r="AK15" s="3">
        <v>5.9331064833074167</v>
      </c>
      <c r="AL15" s="3">
        <v>19.558925014330306</v>
      </c>
      <c r="AM15" s="3">
        <v>13.384709742483492</v>
      </c>
    </row>
    <row r="16" spans="1:39" x14ac:dyDescent="0.25">
      <c r="A16" s="1" t="s">
        <v>95</v>
      </c>
      <c r="B16" s="1">
        <v>19</v>
      </c>
      <c r="C16" s="1" t="s">
        <v>96</v>
      </c>
      <c r="D16" s="1">
        <v>15</v>
      </c>
      <c r="E16" s="1" t="s">
        <v>119</v>
      </c>
      <c r="F16" s="2">
        <v>143030</v>
      </c>
      <c r="G16" s="2">
        <v>166082.26643274611</v>
      </c>
      <c r="H16" s="2">
        <v>172334.35971053765</v>
      </c>
      <c r="I16" s="3" t="s">
        <v>97</v>
      </c>
      <c r="J16" s="2">
        <v>7266.6774082626407</v>
      </c>
      <c r="K16" s="3">
        <v>1.231593970636109</v>
      </c>
      <c r="L16" s="3">
        <v>2.9047593984085127</v>
      </c>
      <c r="M16" s="3">
        <v>4.348816646027891</v>
      </c>
      <c r="N16" s="3">
        <v>16.830631116925453</v>
      </c>
      <c r="O16" s="3">
        <v>3.532147555743578</v>
      </c>
      <c r="P16" s="2">
        <v>1609.8639797530589</v>
      </c>
      <c r="Q16" s="3">
        <v>39.805392841772786</v>
      </c>
      <c r="R16" s="3">
        <v>168.29682932441969</v>
      </c>
      <c r="S16" s="3">
        <v>1.484355361483316</v>
      </c>
      <c r="T16" s="3">
        <v>189.57086031257401</v>
      </c>
      <c r="U16" s="3">
        <v>505.12473930420185</v>
      </c>
      <c r="V16" s="2">
        <v>2666.6675750525878</v>
      </c>
      <c r="W16" s="3">
        <v>455.48516155426546</v>
      </c>
      <c r="X16" s="2">
        <v>2083.6489229493345</v>
      </c>
      <c r="Y16" s="3">
        <v>510.47606948889006</v>
      </c>
      <c r="Z16" s="3">
        <v>63.672882255879401</v>
      </c>
      <c r="AA16" s="3">
        <v>432.90931460089723</v>
      </c>
      <c r="AB16" s="3">
        <v>64.99543061789484</v>
      </c>
      <c r="AC16" s="3">
        <v>404.93182207467532</v>
      </c>
      <c r="AD16" s="3">
        <v>77.621395557422019</v>
      </c>
      <c r="AE16" s="3">
        <v>217.33555210089659</v>
      </c>
      <c r="AF16" s="3">
        <v>29.715594062939605</v>
      </c>
      <c r="AG16" s="3">
        <v>194.33892539908283</v>
      </c>
      <c r="AH16" s="3">
        <v>23.617848558131936</v>
      </c>
      <c r="AI16" s="3">
        <v>8.7788891380790446</v>
      </c>
      <c r="AJ16" s="3">
        <v>11.858502823912376</v>
      </c>
      <c r="AK16" s="3">
        <v>3.8694298786319137</v>
      </c>
      <c r="AL16" s="3">
        <v>13.12337523343203</v>
      </c>
      <c r="AM16" s="3">
        <v>18.134597998004647</v>
      </c>
    </row>
    <row r="17" spans="1:39" x14ac:dyDescent="0.25">
      <c r="A17" s="1" t="s">
        <v>98</v>
      </c>
      <c r="B17" s="1">
        <v>20</v>
      </c>
      <c r="C17" s="1" t="s">
        <v>99</v>
      </c>
      <c r="D17" s="1">
        <v>16</v>
      </c>
      <c r="E17" s="1" t="s">
        <v>119</v>
      </c>
      <c r="F17" s="2">
        <v>143030</v>
      </c>
      <c r="G17" s="2">
        <v>175133.45560149278</v>
      </c>
      <c r="H17" s="2">
        <v>183118.62883448674</v>
      </c>
      <c r="I17" s="3" t="s">
        <v>100</v>
      </c>
      <c r="J17" s="2">
        <v>9283.5789820678347</v>
      </c>
      <c r="K17" s="3">
        <v>0.88112778625836563</v>
      </c>
      <c r="L17" s="3">
        <v>2.1263668776334343</v>
      </c>
      <c r="M17" s="3">
        <v>2.4467764724925849</v>
      </c>
      <c r="N17" s="3">
        <v>17.628161218959058</v>
      </c>
      <c r="O17" s="3">
        <v>5.2472972272789296</v>
      </c>
      <c r="P17" s="2">
        <v>2899.0908016779404</v>
      </c>
      <c r="Q17" s="3">
        <v>49.801282025273593</v>
      </c>
      <c r="R17" s="3">
        <v>158.19373907515319</v>
      </c>
      <c r="S17" s="3">
        <v>5.4362749237232286</v>
      </c>
      <c r="T17" s="3">
        <v>27.685539963036117</v>
      </c>
      <c r="U17" s="3">
        <v>534.78152386997601</v>
      </c>
      <c r="V17" s="2">
        <v>2078.9088728849642</v>
      </c>
      <c r="W17" s="3">
        <v>411.38007121626265</v>
      </c>
      <c r="X17" s="2">
        <v>2298.055407524047</v>
      </c>
      <c r="Y17" s="3">
        <v>653.60609926076017</v>
      </c>
      <c r="Z17" s="3">
        <v>47.447649582747523</v>
      </c>
      <c r="AA17" s="3">
        <v>639.52390823240728</v>
      </c>
      <c r="AB17" s="3">
        <v>100.45523521466467</v>
      </c>
      <c r="AC17" s="3">
        <v>649.17302132243856</v>
      </c>
      <c r="AD17" s="3">
        <v>130.20860237029936</v>
      </c>
      <c r="AE17" s="3">
        <v>378.77986901717549</v>
      </c>
      <c r="AF17" s="3">
        <v>52.794687338428034</v>
      </c>
      <c r="AG17" s="3">
        <v>346.39527690688391</v>
      </c>
      <c r="AH17" s="3">
        <v>44.92090859790089</v>
      </c>
      <c r="AI17" s="3">
        <v>4.1547891592857216</v>
      </c>
      <c r="AJ17" s="3">
        <v>4.5820181711903221</v>
      </c>
      <c r="AK17" s="3">
        <v>15.242041267204415</v>
      </c>
      <c r="AL17" s="3">
        <v>53.973795593830864</v>
      </c>
      <c r="AM17" s="3">
        <v>8.9964105603271136</v>
      </c>
    </row>
    <row r="18" spans="1:39" x14ac:dyDescent="0.25">
      <c r="A18" s="1" t="s">
        <v>101</v>
      </c>
      <c r="B18" s="1">
        <v>21</v>
      </c>
      <c r="C18" s="1" t="s">
        <v>102</v>
      </c>
      <c r="D18" s="1">
        <v>16</v>
      </c>
      <c r="E18" s="1" t="s">
        <v>119</v>
      </c>
      <c r="F18" s="2">
        <v>143030</v>
      </c>
      <c r="G18" s="2">
        <v>181950.73903497256</v>
      </c>
      <c r="H18" s="2">
        <v>187035.7880726177</v>
      </c>
      <c r="I18" s="3" t="s">
        <v>103</v>
      </c>
      <c r="J18" s="2">
        <v>9778.5813618943339</v>
      </c>
      <c r="K18" s="3">
        <v>1.2269452542965877</v>
      </c>
      <c r="L18" s="3">
        <v>3.2335410161777962</v>
      </c>
      <c r="M18" s="3">
        <v>4.4530201752308392</v>
      </c>
      <c r="N18" s="3">
        <v>21.620138095873212</v>
      </c>
      <c r="O18" s="3">
        <v>5.3593968324477199</v>
      </c>
      <c r="P18" s="2">
        <v>3444.7952184599967</v>
      </c>
      <c r="Q18" s="3">
        <v>61.114951673601404</v>
      </c>
      <c r="R18" s="3">
        <v>231.07021696867031</v>
      </c>
      <c r="S18" s="3">
        <v>5.5922600851366635</v>
      </c>
      <c r="T18" s="3">
        <v>29.663466566614545</v>
      </c>
      <c r="U18" s="3">
        <v>613.25106553721253</v>
      </c>
      <c r="V18" s="2">
        <v>2477.428359570571</v>
      </c>
      <c r="W18" s="3">
        <v>481.06580692351218</v>
      </c>
      <c r="X18" s="2">
        <v>2670.3980787109335</v>
      </c>
      <c r="Y18" s="3">
        <v>767.85306153305316</v>
      </c>
      <c r="Z18" s="3">
        <v>56.512042473698614</v>
      </c>
      <c r="AA18" s="3">
        <v>750.86312955615495</v>
      </c>
      <c r="AB18" s="3">
        <v>120.08178544449643</v>
      </c>
      <c r="AC18" s="3">
        <v>777.98140782945882</v>
      </c>
      <c r="AD18" s="3">
        <v>158.28854916114636</v>
      </c>
      <c r="AE18" s="3">
        <v>466.4696844892934</v>
      </c>
      <c r="AF18" s="3">
        <v>65.673315540321994</v>
      </c>
      <c r="AG18" s="3">
        <v>446.36610310194834</v>
      </c>
      <c r="AH18" s="3">
        <v>58.045105628578803</v>
      </c>
      <c r="AI18" s="3">
        <v>5.2767592893512614</v>
      </c>
      <c r="AJ18" s="3">
        <v>4.4915208752492344</v>
      </c>
      <c r="AK18" s="3">
        <v>21.010780818936812</v>
      </c>
      <c r="AL18" s="3">
        <v>76.282622332938317</v>
      </c>
      <c r="AM18" s="3">
        <v>12.69768719324788</v>
      </c>
    </row>
    <row r="19" spans="1:39" x14ac:dyDescent="0.25">
      <c r="A19" s="1" t="s">
        <v>104</v>
      </c>
      <c r="B19" s="1">
        <v>22</v>
      </c>
      <c r="C19" s="1" t="s">
        <v>105</v>
      </c>
      <c r="D19" s="1">
        <v>17</v>
      </c>
      <c r="E19" s="1" t="s">
        <v>119</v>
      </c>
      <c r="F19" s="2">
        <v>143030</v>
      </c>
      <c r="G19" s="2">
        <v>178113.44670702319</v>
      </c>
      <c r="H19" s="2">
        <v>192019.52376155555</v>
      </c>
      <c r="I19" s="3" t="s">
        <v>106</v>
      </c>
      <c r="J19" s="2">
        <v>6724.9823788929707</v>
      </c>
      <c r="K19" s="3">
        <v>1.408661608578645</v>
      </c>
      <c r="L19" s="3">
        <v>3.3513986945943857</v>
      </c>
      <c r="M19" s="3">
        <v>4.3530985891544685</v>
      </c>
      <c r="N19" s="3">
        <v>21.304731473103239</v>
      </c>
      <c r="O19" s="3">
        <v>8.0519917720247207</v>
      </c>
      <c r="P19" s="2">
        <v>2927.0033892455863</v>
      </c>
      <c r="Q19" s="3">
        <v>62.738415639124675</v>
      </c>
      <c r="R19" s="3">
        <v>344.01242211473556</v>
      </c>
      <c r="S19" s="3">
        <v>3.4450877120475196</v>
      </c>
      <c r="T19" s="3">
        <v>20.142918638324549</v>
      </c>
      <c r="U19" s="3">
        <v>786.72662982926363</v>
      </c>
      <c r="V19" s="2">
        <v>2950.031838502483</v>
      </c>
      <c r="W19" s="3">
        <v>525.28450755212668</v>
      </c>
      <c r="X19" s="2">
        <v>2879.4626882132256</v>
      </c>
      <c r="Y19" s="3">
        <v>815.27236435054192</v>
      </c>
      <c r="Z19" s="3">
        <v>52.640622909129618</v>
      </c>
      <c r="AA19" s="3">
        <v>730.75962702911579</v>
      </c>
      <c r="AB19" s="3">
        <v>110.19634485738004</v>
      </c>
      <c r="AC19" s="3">
        <v>671.72708658273086</v>
      </c>
      <c r="AD19" s="3">
        <v>129.24092153213473</v>
      </c>
      <c r="AE19" s="3">
        <v>362.21977346706922</v>
      </c>
      <c r="AF19" s="3">
        <v>48.485024147596967</v>
      </c>
      <c r="AG19" s="3">
        <v>308.07506647879666</v>
      </c>
      <c r="AH19" s="3">
        <v>35.789344485721067</v>
      </c>
      <c r="AI19" s="3">
        <v>4.2147723942480511</v>
      </c>
      <c r="AJ19" s="3">
        <v>4.9980100456007603</v>
      </c>
      <c r="AK19" s="3">
        <v>28.277886827780804</v>
      </c>
      <c r="AL19" s="3">
        <v>100.17069432589284</v>
      </c>
      <c r="AM19" s="3">
        <v>7.6659098795762723</v>
      </c>
    </row>
    <row r="20" spans="1:39" x14ac:dyDescent="0.25">
      <c r="A20" s="1" t="s">
        <v>85</v>
      </c>
      <c r="B20" s="1">
        <v>8</v>
      </c>
      <c r="C20" s="1" t="s">
        <v>86</v>
      </c>
      <c r="D20" s="1">
        <v>14</v>
      </c>
      <c r="E20" s="1" t="s">
        <v>120</v>
      </c>
      <c r="F20" s="2">
        <v>143030</v>
      </c>
      <c r="G20" s="2">
        <v>178350.48894829038</v>
      </c>
      <c r="H20" s="2">
        <v>180328.03664919079</v>
      </c>
      <c r="I20" s="3">
        <v>1.3566533541056225</v>
      </c>
      <c r="J20" s="2">
        <v>10598.324631150772</v>
      </c>
      <c r="K20" s="3">
        <v>1.7915441822273028</v>
      </c>
      <c r="L20" s="3">
        <v>3.7943699577299297</v>
      </c>
      <c r="M20" s="3">
        <v>6.502541721975418</v>
      </c>
      <c r="N20" s="3">
        <v>13.268307980055679</v>
      </c>
      <c r="O20" s="3">
        <v>6.3946005328076057</v>
      </c>
      <c r="P20" s="2">
        <v>981.48985993916494</v>
      </c>
      <c r="Q20" s="3">
        <v>250.18481893411931</v>
      </c>
      <c r="R20" s="3">
        <v>62.706229147740181</v>
      </c>
      <c r="S20" s="3">
        <v>1.0117577920443448</v>
      </c>
      <c r="T20" s="3">
        <v>91.181555079809399</v>
      </c>
      <c r="U20" s="3">
        <v>571.62786397313721</v>
      </c>
      <c r="V20" s="2">
        <v>2525.6195190377816</v>
      </c>
      <c r="W20" s="3">
        <v>393.22023282419212</v>
      </c>
      <c r="X20" s="2">
        <v>1820.7851519185078</v>
      </c>
      <c r="Y20" s="3">
        <v>386.29740775794642</v>
      </c>
      <c r="Z20" s="3">
        <v>28.502606496487186</v>
      </c>
      <c r="AA20" s="3">
        <v>305.46866543141505</v>
      </c>
      <c r="AB20" s="3">
        <v>41.225607736488705</v>
      </c>
      <c r="AC20" s="3">
        <v>241.05156452954034</v>
      </c>
      <c r="AD20" s="3">
        <v>47.238439212192247</v>
      </c>
      <c r="AE20" s="3">
        <v>136.8698865536268</v>
      </c>
      <c r="AF20" s="3">
        <v>19.307753862741592</v>
      </c>
      <c r="AG20" s="3">
        <v>140.54122596488796</v>
      </c>
      <c r="AH20" s="3">
        <v>21.439949129556524</v>
      </c>
      <c r="AI20" s="3">
        <v>19.197781807440826</v>
      </c>
      <c r="AJ20" s="3">
        <v>5.349295150832722</v>
      </c>
      <c r="AK20" s="3">
        <v>10.55660029783145</v>
      </c>
      <c r="AL20" s="3">
        <v>36.830594973978179</v>
      </c>
      <c r="AM20" s="3">
        <v>13.418350186691145</v>
      </c>
    </row>
    <row r="21" spans="1:39" x14ac:dyDescent="0.25">
      <c r="A21" s="1" t="s">
        <v>87</v>
      </c>
      <c r="B21" s="1">
        <v>11</v>
      </c>
      <c r="C21" s="1" t="s">
        <v>88</v>
      </c>
      <c r="D21" s="1">
        <v>14</v>
      </c>
      <c r="E21" s="1" t="s">
        <v>120</v>
      </c>
      <c r="F21" s="2">
        <v>143030</v>
      </c>
      <c r="G21" s="2">
        <v>184202.18980474668</v>
      </c>
      <c r="H21" s="2">
        <v>187492.22495977182</v>
      </c>
      <c r="I21" s="3">
        <v>1.6490101472733882</v>
      </c>
      <c r="J21" s="2">
        <v>10733.05739912729</v>
      </c>
      <c r="K21" s="3">
        <v>1.4054412107966605</v>
      </c>
      <c r="L21" s="3">
        <v>3.2957942964078941</v>
      </c>
      <c r="M21" s="3">
        <v>4.0661817877676931</v>
      </c>
      <c r="N21" s="3">
        <v>17.637897256052185</v>
      </c>
      <c r="O21" s="3">
        <v>6.6208482437037013</v>
      </c>
      <c r="P21" s="2">
        <v>1248.4993414906737</v>
      </c>
      <c r="Q21" s="3">
        <v>171.57919521347614</v>
      </c>
      <c r="R21" s="3">
        <v>75.15274016090595</v>
      </c>
      <c r="S21" s="3">
        <v>1.9611947644426877</v>
      </c>
      <c r="T21" s="3">
        <v>102.36556881389173</v>
      </c>
      <c r="U21" s="3">
        <v>451.93018114501342</v>
      </c>
      <c r="V21" s="2">
        <v>2284.1360316657579</v>
      </c>
      <c r="W21" s="3">
        <v>453.66731426656099</v>
      </c>
      <c r="X21" s="2">
        <v>2370.6386669358367</v>
      </c>
      <c r="Y21" s="3">
        <v>541.96092722037235</v>
      </c>
      <c r="Z21" s="3">
        <v>60.227737543590813</v>
      </c>
      <c r="AA21" s="3">
        <v>421.2746071372602</v>
      </c>
      <c r="AB21" s="3">
        <v>55.301939167850371</v>
      </c>
      <c r="AC21" s="3">
        <v>323.67530814128378</v>
      </c>
      <c r="AD21" s="3">
        <v>63.296509224970983</v>
      </c>
      <c r="AE21" s="3">
        <v>182.84104291217352</v>
      </c>
      <c r="AF21" s="3">
        <v>25.455582035578292</v>
      </c>
      <c r="AG21" s="3">
        <v>178.12913908290614</v>
      </c>
      <c r="AH21" s="3">
        <v>28.320374809384393</v>
      </c>
      <c r="AI21" s="3">
        <v>13.781684029369346</v>
      </c>
      <c r="AJ21" s="3">
        <v>3.8985400403001447</v>
      </c>
      <c r="AK21" s="3">
        <v>12.53906047471961</v>
      </c>
      <c r="AL21" s="3">
        <v>46.36427202577449</v>
      </c>
      <c r="AM21" s="3">
        <v>14.855441741639314</v>
      </c>
    </row>
    <row r="22" spans="1:39" x14ac:dyDescent="0.25">
      <c r="A22" s="1" t="s">
        <v>37</v>
      </c>
      <c r="B22" s="1">
        <v>6</v>
      </c>
      <c r="C22" s="1" t="s">
        <v>38</v>
      </c>
      <c r="D22" s="1">
        <v>2</v>
      </c>
      <c r="E22" s="1" t="s">
        <v>120</v>
      </c>
      <c r="F22" s="2">
        <v>143030</v>
      </c>
      <c r="G22" s="2">
        <v>193687.27610172762</v>
      </c>
      <c r="H22" s="2">
        <v>204389.88000276446</v>
      </c>
      <c r="I22" s="3" t="s">
        <v>39</v>
      </c>
      <c r="J22" s="2">
        <v>11223.509083548795</v>
      </c>
      <c r="K22" s="3">
        <v>0.94067587221123639</v>
      </c>
      <c r="L22" s="3">
        <v>4.8010548057505646</v>
      </c>
      <c r="M22" s="3">
        <v>2.9077670595040388</v>
      </c>
      <c r="N22" s="3">
        <v>14.359591297458522</v>
      </c>
      <c r="O22" s="3">
        <v>5.7362090976439246</v>
      </c>
      <c r="P22" s="2">
        <v>1873.5787851519619</v>
      </c>
      <c r="Q22" s="3">
        <v>128.98581916773483</v>
      </c>
      <c r="R22" s="3">
        <v>104.02594140390993</v>
      </c>
      <c r="S22" s="3">
        <v>1.6847490909506702</v>
      </c>
      <c r="T22" s="3">
        <v>165.4312146386734</v>
      </c>
      <c r="U22" s="3">
        <v>328.50820317641757</v>
      </c>
      <c r="V22" s="2">
        <v>1753.4610602139146</v>
      </c>
      <c r="W22" s="3">
        <v>376.8985467698455</v>
      </c>
      <c r="X22" s="2">
        <v>2180.7971667737943</v>
      </c>
      <c r="Y22" s="3">
        <v>616.5593791166815</v>
      </c>
      <c r="Z22" s="3">
        <v>74.680800169316328</v>
      </c>
      <c r="AA22" s="3">
        <v>524.45828859721064</v>
      </c>
      <c r="AB22" s="3">
        <v>70.174916323246364</v>
      </c>
      <c r="AC22" s="3">
        <v>411.14870488749574</v>
      </c>
      <c r="AD22" s="3">
        <v>79.334736550163129</v>
      </c>
      <c r="AE22" s="3">
        <v>224.09007605784691</v>
      </c>
      <c r="AF22" s="3">
        <v>31.020750925428207</v>
      </c>
      <c r="AG22" s="3">
        <v>205.33942184502871</v>
      </c>
      <c r="AH22" s="3">
        <v>28.933008517323518</v>
      </c>
      <c r="AI22" s="3">
        <v>6.3383160352379626</v>
      </c>
      <c r="AJ22" s="3">
        <v>5.0986643856054013</v>
      </c>
      <c r="AK22" s="3">
        <v>8.0240931088257117</v>
      </c>
      <c r="AL22" s="3">
        <v>31.830856719771738</v>
      </c>
      <c r="AM22" s="3">
        <v>10.647819484614434</v>
      </c>
    </row>
    <row r="23" spans="1:39" x14ac:dyDescent="0.25">
      <c r="A23" s="1" t="s">
        <v>40</v>
      </c>
      <c r="B23" s="1">
        <v>7</v>
      </c>
      <c r="C23" s="1" t="s">
        <v>41</v>
      </c>
      <c r="D23" s="1">
        <v>3</v>
      </c>
      <c r="E23" s="1" t="s">
        <v>120</v>
      </c>
      <c r="F23" s="2">
        <v>143030</v>
      </c>
      <c r="G23" s="2">
        <v>189046.35917056046</v>
      </c>
      <c r="H23" s="2">
        <v>203497.41369128507</v>
      </c>
      <c r="I23" s="3">
        <v>1.7461350288661759</v>
      </c>
      <c r="J23" s="2">
        <v>9836.561757360545</v>
      </c>
      <c r="K23" s="3">
        <v>1.9694952640155288</v>
      </c>
      <c r="L23" s="3">
        <v>5.4812560982360878</v>
      </c>
      <c r="M23" s="3">
        <v>3.4904179042336225</v>
      </c>
      <c r="N23" s="3">
        <v>17.582608573296188</v>
      </c>
      <c r="O23" s="3">
        <v>6.7402985216662445</v>
      </c>
      <c r="P23" s="2">
        <v>1916.413300927813</v>
      </c>
      <c r="Q23" s="3">
        <v>241.51809783687057</v>
      </c>
      <c r="R23" s="3">
        <v>334.79266238162597</v>
      </c>
      <c r="S23" s="3">
        <v>2.1097292061068158</v>
      </c>
      <c r="T23" s="3">
        <v>131.29750417426479</v>
      </c>
      <c r="U23" s="3">
        <v>401.08294709670776</v>
      </c>
      <c r="V23" s="2">
        <v>2183.0572370420591</v>
      </c>
      <c r="W23" s="3">
        <v>478.55217932380862</v>
      </c>
      <c r="X23" s="2">
        <v>2763.6079767517876</v>
      </c>
      <c r="Y23" s="3">
        <v>729.53878316496036</v>
      </c>
      <c r="Z23" s="3">
        <v>67.53031199458016</v>
      </c>
      <c r="AA23" s="3">
        <v>579.86593976854965</v>
      </c>
      <c r="AB23" s="3">
        <v>73.37852292882846</v>
      </c>
      <c r="AC23" s="3">
        <v>418.54517890421175</v>
      </c>
      <c r="AD23" s="3">
        <v>79.894509622234494</v>
      </c>
      <c r="AE23" s="3">
        <v>231.02305252198451</v>
      </c>
      <c r="AF23" s="3">
        <v>34.030754002989966</v>
      </c>
      <c r="AG23" s="3">
        <v>253.01784880494856</v>
      </c>
      <c r="AH23" s="3">
        <v>39.571606582494503</v>
      </c>
      <c r="AI23" s="3">
        <v>7.0706210041082782</v>
      </c>
      <c r="AJ23" s="3">
        <v>12.906700194867673</v>
      </c>
      <c r="AK23" s="3">
        <v>10.320440245487479</v>
      </c>
      <c r="AL23" s="3">
        <v>39.335249532612991</v>
      </c>
      <c r="AM23" s="3">
        <v>11.442708895478386</v>
      </c>
    </row>
    <row r="24" spans="1:39" x14ac:dyDescent="0.25">
      <c r="A24" s="1" t="s">
        <v>53</v>
      </c>
      <c r="B24" s="1">
        <v>21</v>
      </c>
      <c r="C24" s="1" t="s">
        <v>54</v>
      </c>
      <c r="D24" s="1">
        <v>8</v>
      </c>
      <c r="E24" s="1" t="s">
        <v>119</v>
      </c>
      <c r="F24" s="2">
        <v>143030</v>
      </c>
      <c r="G24" s="2">
        <v>195422.82968784415</v>
      </c>
      <c r="H24" s="2">
        <v>209816.27170756549</v>
      </c>
      <c r="I24" s="3">
        <v>3.4558864601372101</v>
      </c>
      <c r="J24" s="2">
        <v>10291.126942414026</v>
      </c>
      <c r="K24" s="3">
        <v>0.72841642199174561</v>
      </c>
      <c r="L24" s="3">
        <v>3.2738132186360418</v>
      </c>
      <c r="M24" s="3">
        <v>2.007082513521103</v>
      </c>
      <c r="N24" s="3">
        <v>11.308931681696951</v>
      </c>
      <c r="O24" s="3">
        <v>6.3209079502738934</v>
      </c>
      <c r="P24" s="2">
        <v>936.9631760792181</v>
      </c>
      <c r="Q24" s="3">
        <v>144.40823247661865</v>
      </c>
      <c r="R24" s="3">
        <v>101.36804678888754</v>
      </c>
      <c r="S24" s="3">
        <v>1.7482155521969296</v>
      </c>
      <c r="T24" s="3">
        <v>84.82925877305486</v>
      </c>
      <c r="U24" s="3">
        <v>557.91096942718991</v>
      </c>
      <c r="V24" s="2">
        <v>2421.9285153604696</v>
      </c>
      <c r="W24" s="3">
        <v>405.97657573324148</v>
      </c>
      <c r="X24" s="2">
        <v>1918.6388639808424</v>
      </c>
      <c r="Y24" s="3">
        <v>389.00144815822</v>
      </c>
      <c r="Z24" s="3">
        <v>30.52580354233892</v>
      </c>
      <c r="AA24" s="3">
        <v>290.86529363560243</v>
      </c>
      <c r="AB24" s="3">
        <v>35.988474419877228</v>
      </c>
      <c r="AC24" s="3">
        <v>201.04343432776975</v>
      </c>
      <c r="AD24" s="3">
        <v>37.781929397614924</v>
      </c>
      <c r="AE24" s="3">
        <v>106.69447053289112</v>
      </c>
      <c r="AF24" s="3">
        <v>14.146307414433016</v>
      </c>
      <c r="AG24" s="3">
        <v>98.67100612446049</v>
      </c>
      <c r="AH24" s="3">
        <v>15.256744458946617</v>
      </c>
      <c r="AI24" s="3">
        <v>5.7638736208798997</v>
      </c>
      <c r="AJ24" s="3">
        <v>2.7655848653565065</v>
      </c>
      <c r="AK24" s="3">
        <v>6.8589461590489327</v>
      </c>
      <c r="AL24" s="3">
        <v>26.835948394433551</v>
      </c>
      <c r="AM24" s="3">
        <v>8.4579171738016825</v>
      </c>
    </row>
    <row r="25" spans="1:39" x14ac:dyDescent="0.25">
      <c r="A25" s="1" t="s">
        <v>80</v>
      </c>
      <c r="B25" s="1">
        <v>4</v>
      </c>
      <c r="C25" s="1" t="s">
        <v>81</v>
      </c>
      <c r="D25" s="1">
        <v>11</v>
      </c>
      <c r="E25" s="1" t="s">
        <v>119</v>
      </c>
      <c r="F25" s="2">
        <v>143030</v>
      </c>
      <c r="G25" s="2">
        <v>171865.18545306951</v>
      </c>
      <c r="H25" s="2">
        <v>180275.69109244007</v>
      </c>
      <c r="I25" s="3">
        <v>1.1649327159901077</v>
      </c>
      <c r="J25" s="2">
        <v>8754.5230108494434</v>
      </c>
      <c r="K25" s="3">
        <v>1.3824546433923448</v>
      </c>
      <c r="L25" s="3">
        <v>3.3418231867632522</v>
      </c>
      <c r="M25" s="3">
        <v>4.522667801635424</v>
      </c>
      <c r="N25" s="3">
        <v>27.060235283421378</v>
      </c>
      <c r="O25" s="3">
        <v>5.1613769086034225</v>
      </c>
      <c r="P25" s="2">
        <v>3930.4924915727561</v>
      </c>
      <c r="Q25" s="3">
        <v>276.78207469714448</v>
      </c>
      <c r="R25" s="3">
        <v>154.58394427656185</v>
      </c>
      <c r="S25" s="3">
        <v>1.1394254303949942</v>
      </c>
      <c r="T25" s="3">
        <v>228.45031065108856</v>
      </c>
      <c r="U25" s="3">
        <v>410.36288027526763</v>
      </c>
      <c r="V25" s="2">
        <v>2425.3944534180628</v>
      </c>
      <c r="W25" s="3">
        <v>559.0618055183254</v>
      </c>
      <c r="X25" s="2">
        <v>3414.5553719928052</v>
      </c>
      <c r="Y25" s="3">
        <v>1155.8683029241297</v>
      </c>
      <c r="Z25" s="3">
        <v>108.3537003702654</v>
      </c>
      <c r="AA25" s="3">
        <v>1095.7777733213268</v>
      </c>
      <c r="AB25" s="3">
        <v>164.63931308332789</v>
      </c>
      <c r="AC25" s="3">
        <v>1015.9946177364689</v>
      </c>
      <c r="AD25" s="3">
        <v>194.94285432145745</v>
      </c>
      <c r="AE25" s="3">
        <v>549.78819303300293</v>
      </c>
      <c r="AF25" s="3">
        <v>75.133468507252857</v>
      </c>
      <c r="AG25" s="3">
        <v>478.90170624610448</v>
      </c>
      <c r="AH25" s="3">
        <v>58.084158401567549</v>
      </c>
      <c r="AI25" s="3">
        <v>19.92206093208279</v>
      </c>
      <c r="AJ25" s="3">
        <v>16.59199044461597</v>
      </c>
      <c r="AK25" s="3">
        <v>7.8141835196448399</v>
      </c>
      <c r="AL25" s="3">
        <v>28.014085283883809</v>
      </c>
      <c r="AM25" s="3">
        <v>14.447515057873353</v>
      </c>
    </row>
    <row r="26" spans="1:39" x14ac:dyDescent="0.25">
      <c r="A26" s="1" t="s">
        <v>82</v>
      </c>
      <c r="B26" s="1">
        <v>7</v>
      </c>
      <c r="C26" s="1" t="s">
        <v>83</v>
      </c>
      <c r="D26" s="1">
        <v>14</v>
      </c>
      <c r="E26" s="1" t="s">
        <v>119</v>
      </c>
      <c r="F26" s="2">
        <v>143030</v>
      </c>
      <c r="G26" s="2">
        <v>178352.25284360055</v>
      </c>
      <c r="H26" s="2">
        <v>186785.24841284854</v>
      </c>
      <c r="I26" s="3" t="s">
        <v>84</v>
      </c>
      <c r="J26" s="2">
        <v>9252.0199342464985</v>
      </c>
      <c r="K26" s="3">
        <v>1.0980684604097626</v>
      </c>
      <c r="L26" s="3">
        <v>3.1064418511250582</v>
      </c>
      <c r="M26" s="3">
        <v>4.5092792667620243</v>
      </c>
      <c r="N26" s="3">
        <v>23.633190706270991</v>
      </c>
      <c r="O26" s="3">
        <v>6.2242901788692162</v>
      </c>
      <c r="P26" s="2">
        <v>2928.5086184426614</v>
      </c>
      <c r="Q26" s="3">
        <v>433.03479053071811</v>
      </c>
      <c r="R26" s="3">
        <v>189.27155429363825</v>
      </c>
      <c r="S26" s="3">
        <v>1.4795276238137327</v>
      </c>
      <c r="T26" s="3">
        <v>191.2350613862402</v>
      </c>
      <c r="U26" s="3">
        <v>707.73990647502148</v>
      </c>
      <c r="V26" s="2">
        <v>3364.1427460204613</v>
      </c>
      <c r="W26" s="3">
        <v>590.22226984135852</v>
      </c>
      <c r="X26" s="2">
        <v>3028.5092357496651</v>
      </c>
      <c r="Y26" s="3">
        <v>831.18613223652403</v>
      </c>
      <c r="Z26" s="3">
        <v>58.245402945845633</v>
      </c>
      <c r="AA26" s="3">
        <v>756.87570617739959</v>
      </c>
      <c r="AB26" s="3">
        <v>111.5271791890566</v>
      </c>
      <c r="AC26" s="3">
        <v>687.0716005467068</v>
      </c>
      <c r="AD26" s="3">
        <v>132.33200686905772</v>
      </c>
      <c r="AE26" s="3">
        <v>375.57304279848466</v>
      </c>
      <c r="AF26" s="3">
        <v>51.790563331778692</v>
      </c>
      <c r="AG26" s="3">
        <v>347.29857111944614</v>
      </c>
      <c r="AH26" s="3">
        <v>45.653698732860043</v>
      </c>
      <c r="AI26" s="3">
        <v>19.023002011646998</v>
      </c>
      <c r="AJ26" s="3">
        <v>12.04494119934342</v>
      </c>
      <c r="AK26" s="3">
        <v>12.482704821070083</v>
      </c>
      <c r="AL26" s="3">
        <v>46.157157192345608</v>
      </c>
      <c r="AM26" s="3">
        <v>21.947034271047748</v>
      </c>
    </row>
    <row r="27" spans="1:39" x14ac:dyDescent="0.25">
      <c r="A27" s="1" t="s">
        <v>35</v>
      </c>
      <c r="B27" s="1">
        <v>5</v>
      </c>
      <c r="C27" s="1" t="s">
        <v>36</v>
      </c>
      <c r="D27" s="1">
        <v>1</v>
      </c>
      <c r="E27" s="1" t="s">
        <v>119</v>
      </c>
      <c r="F27" s="2">
        <v>143030</v>
      </c>
      <c r="G27" s="2">
        <v>187230.7585257481</v>
      </c>
      <c r="H27" s="2">
        <v>202424.70741359977</v>
      </c>
      <c r="I27" s="3">
        <v>1.6961290121727319</v>
      </c>
      <c r="J27" s="2">
        <v>11526.645094765408</v>
      </c>
      <c r="K27" s="3">
        <v>0.71564883152718417</v>
      </c>
      <c r="L27" s="3">
        <v>4.3501773322023132</v>
      </c>
      <c r="M27" s="3">
        <v>3.0193740698701523</v>
      </c>
      <c r="N27" s="3">
        <v>15.016955484950252</v>
      </c>
      <c r="O27" s="3">
        <v>6.0921229342190122</v>
      </c>
      <c r="P27" s="2">
        <v>2008.422733327629</v>
      </c>
      <c r="Q27" s="3">
        <v>524.42414203264366</v>
      </c>
      <c r="R27" s="3">
        <v>197.5584195682496</v>
      </c>
      <c r="S27" s="3">
        <v>1.9718478036279141</v>
      </c>
      <c r="T27" s="3">
        <v>134.39261656963404</v>
      </c>
      <c r="U27" s="3">
        <v>637.3947322390369</v>
      </c>
      <c r="V27" s="2">
        <v>2815.3372771568634</v>
      </c>
      <c r="W27" s="3">
        <v>475.66850943374203</v>
      </c>
      <c r="X27" s="2">
        <v>2356.8172392190622</v>
      </c>
      <c r="Y27" s="3">
        <v>573.79574651024063</v>
      </c>
      <c r="Z27" s="3">
        <v>35.344841466358332</v>
      </c>
      <c r="AA27" s="3">
        <v>485.93412384198967</v>
      </c>
      <c r="AB27" s="3">
        <v>66.185305326802279</v>
      </c>
      <c r="AC27" s="3">
        <v>394.39312438528026</v>
      </c>
      <c r="AD27" s="3">
        <v>76.868044520308189</v>
      </c>
      <c r="AE27" s="3">
        <v>223.64308189376507</v>
      </c>
      <c r="AF27" s="3">
        <v>32.183892438459878</v>
      </c>
      <c r="AG27" s="3">
        <v>230.42438264564601</v>
      </c>
      <c r="AH27" s="3">
        <v>36.055004551829576</v>
      </c>
      <c r="AI27" s="3">
        <v>21.149487002934716</v>
      </c>
      <c r="AJ27" s="3">
        <v>17.969973204503283</v>
      </c>
      <c r="AK27" s="3">
        <v>13.601564445362367</v>
      </c>
      <c r="AL27" s="3">
        <v>51.08438053574524</v>
      </c>
      <c r="AM27" s="3">
        <v>16.68798687694386</v>
      </c>
    </row>
    <row r="28" spans="1:39" x14ac:dyDescent="0.25">
      <c r="A28" s="1" t="s">
        <v>42</v>
      </c>
      <c r="B28" s="1">
        <v>8</v>
      </c>
      <c r="C28" s="1" t="s">
        <v>43</v>
      </c>
      <c r="D28" s="1">
        <v>3</v>
      </c>
      <c r="E28" s="1" t="s">
        <v>119</v>
      </c>
      <c r="F28" s="2">
        <v>143030</v>
      </c>
      <c r="G28" s="2">
        <v>192437.13707124861</v>
      </c>
      <c r="H28" s="2">
        <v>205656.68241692882</v>
      </c>
      <c r="I28" s="3">
        <v>2.0443595429286563</v>
      </c>
      <c r="J28" s="2">
        <v>9427.4620089727214</v>
      </c>
      <c r="K28" s="3">
        <v>1.1172462949762283</v>
      </c>
      <c r="L28" s="3">
        <v>4.6612113039842047</v>
      </c>
      <c r="M28" s="3">
        <v>3.5113099446943528</v>
      </c>
      <c r="N28" s="3">
        <v>18.35734284483873</v>
      </c>
      <c r="O28" s="3">
        <v>6.8461420053758095</v>
      </c>
      <c r="P28" s="2">
        <v>2004.1249505580784</v>
      </c>
      <c r="Q28" s="3">
        <v>376.31002463194136</v>
      </c>
      <c r="R28" s="3">
        <v>407.09624834024896</v>
      </c>
      <c r="S28" s="3">
        <v>2.0618581555603726</v>
      </c>
      <c r="T28" s="3">
        <v>151.50380554497741</v>
      </c>
      <c r="U28" s="3">
        <v>492.02412627615001</v>
      </c>
      <c r="V28" s="2">
        <v>2583.0431196511799</v>
      </c>
      <c r="W28" s="3">
        <v>533.9010479167639</v>
      </c>
      <c r="X28" s="2">
        <v>2958.3958837837272</v>
      </c>
      <c r="Y28" s="3">
        <v>736.78334190963812</v>
      </c>
      <c r="Z28" s="3">
        <v>69.997367214668643</v>
      </c>
      <c r="AA28" s="3">
        <v>579.25633681958925</v>
      </c>
      <c r="AB28" s="3">
        <v>73.720796021346629</v>
      </c>
      <c r="AC28" s="3">
        <v>417.09383610272334</v>
      </c>
      <c r="AD28" s="3">
        <v>82.604576186985653</v>
      </c>
      <c r="AE28" s="3">
        <v>236.86326197216496</v>
      </c>
      <c r="AF28" s="3">
        <v>35.012887919347669</v>
      </c>
      <c r="AG28" s="3">
        <v>264.78398992128177</v>
      </c>
      <c r="AH28" s="3">
        <v>41.611473784711123</v>
      </c>
      <c r="AI28" s="3">
        <v>10.432168131804353</v>
      </c>
      <c r="AJ28" s="3">
        <v>18.18342732364825</v>
      </c>
      <c r="AK28" s="3">
        <v>12.918963510684954</v>
      </c>
      <c r="AL28" s="3">
        <v>48.099351672475834</v>
      </c>
      <c r="AM28" s="3">
        <v>16.648723287039612</v>
      </c>
    </row>
    <row r="29" spans="1:39" x14ac:dyDescent="0.25">
      <c r="A29" s="1" t="s">
        <v>44</v>
      </c>
      <c r="B29" s="1">
        <v>12</v>
      </c>
      <c r="C29" s="1" t="s">
        <v>45</v>
      </c>
      <c r="D29" s="1">
        <v>4</v>
      </c>
      <c r="E29" s="1" t="s">
        <v>119</v>
      </c>
      <c r="F29" s="2">
        <v>143030</v>
      </c>
      <c r="G29" s="2">
        <v>193006.45132422005</v>
      </c>
      <c r="H29" s="2">
        <v>215924.95986636015</v>
      </c>
      <c r="I29" s="3">
        <v>2.151646038240461</v>
      </c>
      <c r="J29" s="2">
        <v>8214.2784175771922</v>
      </c>
      <c r="K29" s="3">
        <v>0.99777299200420078</v>
      </c>
      <c r="L29" s="3">
        <v>4.4460289050043489</v>
      </c>
      <c r="M29" s="3">
        <v>2.4390134678566948</v>
      </c>
      <c r="N29" s="3">
        <v>30.077799658951164</v>
      </c>
      <c r="O29" s="3">
        <v>6.9218321337181594</v>
      </c>
      <c r="P29" s="2">
        <v>4380.7046772583453</v>
      </c>
      <c r="Q29" s="3">
        <v>162.58208741635821</v>
      </c>
      <c r="R29" s="3">
        <v>400.06349717219786</v>
      </c>
      <c r="S29" s="3">
        <v>3.7633492295265851</v>
      </c>
      <c r="T29" s="3">
        <v>81.346012288575807</v>
      </c>
      <c r="U29" s="3">
        <v>1195.8393299584561</v>
      </c>
      <c r="V29" s="2">
        <v>5065.1210878359061</v>
      </c>
      <c r="W29" s="3">
        <v>897.53749386195079</v>
      </c>
      <c r="X29" s="2">
        <v>4797.4560318373924</v>
      </c>
      <c r="Y29" s="3">
        <v>1308.5176035088707</v>
      </c>
      <c r="Z29" s="3">
        <v>61.605666970339172</v>
      </c>
      <c r="AA29" s="3">
        <v>1128.8017433975808</v>
      </c>
      <c r="AB29" s="3">
        <v>158.08598491761973</v>
      </c>
      <c r="AC29" s="3">
        <v>924.8641095293558</v>
      </c>
      <c r="AD29" s="3">
        <v>171.39582276659087</v>
      </c>
      <c r="AE29" s="3">
        <v>467.69399167623277</v>
      </c>
      <c r="AF29" s="3">
        <v>61.333363502750835</v>
      </c>
      <c r="AG29" s="3">
        <v>373.13632304459509</v>
      </c>
      <c r="AH29" s="3">
        <v>48.661708354291001</v>
      </c>
      <c r="AI29" s="3">
        <v>6.9735302373540975</v>
      </c>
      <c r="AJ29" s="3">
        <v>22.358075675843558</v>
      </c>
      <c r="AK29" s="3">
        <v>21.618200361623607</v>
      </c>
      <c r="AL29" s="3">
        <v>87.331544767183672</v>
      </c>
      <c r="AM29" s="3">
        <v>20.35638271034524</v>
      </c>
    </row>
    <row r="30" spans="1:39" x14ac:dyDescent="0.25">
      <c r="A30" s="1" t="s">
        <v>46</v>
      </c>
      <c r="B30" s="1">
        <v>15</v>
      </c>
      <c r="C30" s="1" t="s">
        <v>47</v>
      </c>
      <c r="D30" s="1">
        <v>6</v>
      </c>
      <c r="E30" s="1" t="s">
        <v>119</v>
      </c>
      <c r="F30" s="2">
        <v>143030</v>
      </c>
      <c r="G30" s="2">
        <v>190870.84802642485</v>
      </c>
      <c r="H30" s="2">
        <v>207188.92055601015</v>
      </c>
      <c r="I30" s="3" t="s">
        <v>48</v>
      </c>
      <c r="J30" s="2">
        <v>11387.098273403368</v>
      </c>
      <c r="K30" s="3">
        <v>0.89624839523296118</v>
      </c>
      <c r="L30" s="3">
        <v>3.7670354537485173</v>
      </c>
      <c r="M30" s="3">
        <v>3.1487583888709394</v>
      </c>
      <c r="N30" s="3">
        <v>19.582225827907962</v>
      </c>
      <c r="O30" s="3">
        <v>5.1757532167144511</v>
      </c>
      <c r="P30" s="2">
        <v>4201.1182395341521</v>
      </c>
      <c r="Q30" s="3">
        <v>140.54333667399212</v>
      </c>
      <c r="R30" s="3">
        <v>147.14967975597656</v>
      </c>
      <c r="S30" s="3">
        <v>1.4975636637608158</v>
      </c>
      <c r="T30" s="3">
        <v>218.16196036338246</v>
      </c>
      <c r="U30" s="3">
        <v>496.97966400438253</v>
      </c>
      <c r="V30" s="2">
        <v>2430.7084307456812</v>
      </c>
      <c r="W30" s="3">
        <v>496.13214973206277</v>
      </c>
      <c r="X30" s="2">
        <v>2921.5247951795145</v>
      </c>
      <c r="Y30" s="3">
        <v>1025.3038613067529</v>
      </c>
      <c r="Z30" s="3">
        <v>87.733191618988016</v>
      </c>
      <c r="AA30" s="3">
        <v>1002.7219911005269</v>
      </c>
      <c r="AB30" s="3">
        <v>152.14862205494387</v>
      </c>
      <c r="AC30" s="3">
        <v>940.49618438693221</v>
      </c>
      <c r="AD30" s="3">
        <v>178.49351561762532</v>
      </c>
      <c r="AE30" s="3">
        <v>498.09491354544764</v>
      </c>
      <c r="AF30" s="3">
        <v>66.572987021917797</v>
      </c>
      <c r="AG30" s="3">
        <v>423.90936392493632</v>
      </c>
      <c r="AH30" s="3">
        <v>51.306765725914936</v>
      </c>
      <c r="AI30" s="3">
        <v>7.9043507191774083</v>
      </c>
      <c r="AJ30" s="3">
        <v>5.256249497633819</v>
      </c>
      <c r="AK30" s="3">
        <v>4.6120277213543242</v>
      </c>
      <c r="AL30" s="3">
        <v>17.40510153538424</v>
      </c>
      <c r="AM30" s="3">
        <v>14.680603563564659</v>
      </c>
    </row>
    <row r="31" spans="1:39" x14ac:dyDescent="0.25">
      <c r="A31" s="1" t="s">
        <v>49</v>
      </c>
      <c r="B31" s="1">
        <v>16</v>
      </c>
      <c r="C31" s="1" t="s">
        <v>50</v>
      </c>
      <c r="D31" s="1">
        <v>6</v>
      </c>
      <c r="E31" s="1" t="s">
        <v>119</v>
      </c>
      <c r="F31" s="2">
        <v>143030</v>
      </c>
      <c r="G31" s="2">
        <v>189511.85982954473</v>
      </c>
      <c r="H31" s="2">
        <v>203017.14117770706</v>
      </c>
      <c r="I31" s="3">
        <v>3.7967976159437953</v>
      </c>
      <c r="J31" s="2">
        <v>10691.691364577338</v>
      </c>
      <c r="K31" s="3">
        <v>1.72873467725674</v>
      </c>
      <c r="L31" s="3">
        <v>4.9191095235275828</v>
      </c>
      <c r="M31" s="3">
        <v>4.7459954121437598</v>
      </c>
      <c r="N31" s="3">
        <v>18.014757062685394</v>
      </c>
      <c r="O31" s="3">
        <v>5.9260301967418538</v>
      </c>
      <c r="P31" s="2">
        <v>3342.3709211702135</v>
      </c>
      <c r="Q31" s="3">
        <v>84.904549465583784</v>
      </c>
      <c r="R31" s="3">
        <v>213.29190177729976</v>
      </c>
      <c r="S31" s="3">
        <v>4.6492210524402982</v>
      </c>
      <c r="T31" s="3">
        <v>47.712296833517236</v>
      </c>
      <c r="U31" s="3">
        <v>719.9145388688728</v>
      </c>
      <c r="V31" s="2">
        <v>3175.929883323834</v>
      </c>
      <c r="W31" s="3">
        <v>538.43512593458411</v>
      </c>
      <c r="X31" s="2">
        <v>2855.4750332589797</v>
      </c>
      <c r="Y31" s="3">
        <v>804.60365128058152</v>
      </c>
      <c r="Z31" s="3">
        <v>41.149143606428368</v>
      </c>
      <c r="AA31" s="3">
        <v>746.43985666939659</v>
      </c>
      <c r="AB31" s="3">
        <v>108.94924431387081</v>
      </c>
      <c r="AC31" s="3">
        <v>672.56751720712396</v>
      </c>
      <c r="AD31" s="3">
        <v>133.43873189866099</v>
      </c>
      <c r="AE31" s="3">
        <v>380.37346531070239</v>
      </c>
      <c r="AF31" s="3">
        <v>53.779199590256255</v>
      </c>
      <c r="AG31" s="3">
        <v>369.61353370735884</v>
      </c>
      <c r="AH31" s="3">
        <v>51.677582263643934</v>
      </c>
      <c r="AI31" s="3">
        <v>4.2911268585393643</v>
      </c>
      <c r="AJ31" s="3">
        <v>5.9571494670744602</v>
      </c>
      <c r="AK31" s="3">
        <v>18.302218591507458</v>
      </c>
      <c r="AL31" s="3">
        <v>69.489239847766484</v>
      </c>
      <c r="AM31" s="3">
        <v>19.176616050879417</v>
      </c>
    </row>
    <row r="32" spans="1:39" x14ac:dyDescent="0.25">
      <c r="A32" s="1" t="s">
        <v>51</v>
      </c>
      <c r="B32" s="1">
        <v>20</v>
      </c>
      <c r="C32" s="1" t="s">
        <v>52</v>
      </c>
      <c r="D32" s="1">
        <v>8</v>
      </c>
      <c r="E32" s="1" t="s">
        <v>119</v>
      </c>
      <c r="F32" s="2">
        <v>143030</v>
      </c>
      <c r="G32" s="2">
        <v>197710.55062599434</v>
      </c>
      <c r="H32" s="2">
        <v>214955.97020316211</v>
      </c>
      <c r="I32" s="3">
        <v>1.978618434892643</v>
      </c>
      <c r="J32" s="2">
        <v>10682.369209335215</v>
      </c>
      <c r="K32" s="3">
        <v>0.83553751515365515</v>
      </c>
      <c r="L32" s="3">
        <v>3.4178751088160104</v>
      </c>
      <c r="M32" s="3">
        <v>2.4091020988028009</v>
      </c>
      <c r="N32" s="3">
        <v>13.205382652855089</v>
      </c>
      <c r="O32" s="3">
        <v>6.7328572647066567</v>
      </c>
      <c r="P32" s="2">
        <v>2284.4548311694871</v>
      </c>
      <c r="Q32" s="3">
        <v>225.15748107490484</v>
      </c>
      <c r="R32" s="3">
        <v>131.89049379987767</v>
      </c>
      <c r="S32" s="3">
        <v>1.7273204550339871</v>
      </c>
      <c r="T32" s="3">
        <v>56.528717113100136</v>
      </c>
      <c r="U32" s="3">
        <v>613.44772954400071</v>
      </c>
      <c r="V32" s="2">
        <v>2420.7819303529068</v>
      </c>
      <c r="W32" s="3">
        <v>406.88283494413866</v>
      </c>
      <c r="X32" s="2">
        <v>2111.0648904248064</v>
      </c>
      <c r="Y32" s="3">
        <v>589.72955755102168</v>
      </c>
      <c r="Z32" s="3">
        <v>25.694406026769613</v>
      </c>
      <c r="AA32" s="3">
        <v>527.56304612094277</v>
      </c>
      <c r="AB32" s="3">
        <v>74.893884183312039</v>
      </c>
      <c r="AC32" s="3">
        <v>451.07300630579192</v>
      </c>
      <c r="AD32" s="3">
        <v>85.718702902878988</v>
      </c>
      <c r="AE32" s="3">
        <v>240.23939035850299</v>
      </c>
      <c r="AF32" s="3">
        <v>32.401599535427408</v>
      </c>
      <c r="AG32" s="3">
        <v>210.09771806451784</v>
      </c>
      <c r="AH32" s="3">
        <v>28.076683492459676</v>
      </c>
      <c r="AI32" s="3">
        <v>8.1396524110276438</v>
      </c>
      <c r="AJ32" s="3">
        <v>4.326990903158805</v>
      </c>
      <c r="AK32" s="3">
        <v>7.6786828443087281</v>
      </c>
      <c r="AL32" s="3">
        <v>30.118882594079473</v>
      </c>
      <c r="AM32" s="3">
        <v>6.5803356079306621</v>
      </c>
    </row>
    <row r="33" spans="1:39" x14ac:dyDescent="0.25">
      <c r="A33" s="1" t="s">
        <v>55</v>
      </c>
      <c r="B33" s="1">
        <v>22</v>
      </c>
      <c r="C33" s="1" t="s">
        <v>56</v>
      </c>
      <c r="D33" s="1">
        <v>8</v>
      </c>
      <c r="E33" s="1" t="s">
        <v>119</v>
      </c>
      <c r="F33" s="2">
        <v>143030</v>
      </c>
      <c r="G33" s="2">
        <v>195159.62810053601</v>
      </c>
      <c r="H33" s="2">
        <v>213638.29330288529</v>
      </c>
      <c r="I33" s="3">
        <v>2.9262749759064128</v>
      </c>
      <c r="J33" s="2">
        <v>10593.048714710159</v>
      </c>
      <c r="K33" s="3">
        <v>0.66567047529630452</v>
      </c>
      <c r="L33" s="3">
        <v>3.2120552762680719</v>
      </c>
      <c r="M33" s="3">
        <v>2.6654013252795208</v>
      </c>
      <c r="N33" s="3">
        <v>13.159699281432703</v>
      </c>
      <c r="O33" s="3">
        <v>6.3402469598814877</v>
      </c>
      <c r="P33" s="2">
        <v>2232.4242767096571</v>
      </c>
      <c r="Q33" s="3">
        <v>220.49764986634938</v>
      </c>
      <c r="R33" s="3">
        <v>128.35512369565521</v>
      </c>
      <c r="S33" s="3">
        <v>1.7465579922928511</v>
      </c>
      <c r="T33" s="3">
        <v>53.641980272139293</v>
      </c>
      <c r="U33" s="3">
        <v>593.91906974021083</v>
      </c>
      <c r="V33" s="2">
        <v>2349.5845132505901</v>
      </c>
      <c r="W33" s="3">
        <v>394.06723211518141</v>
      </c>
      <c r="X33" s="2">
        <v>2075.9864827500669</v>
      </c>
      <c r="Y33" s="3">
        <v>569.50467559262017</v>
      </c>
      <c r="Z33" s="3">
        <v>24.279516136057772</v>
      </c>
      <c r="AA33" s="3">
        <v>510.27585534419006</v>
      </c>
      <c r="AB33" s="3">
        <v>72.807813009029985</v>
      </c>
      <c r="AC33" s="3">
        <v>440.10033829984559</v>
      </c>
      <c r="AD33" s="3">
        <v>82.79954069068252</v>
      </c>
      <c r="AE33" s="3">
        <v>231.71730893457661</v>
      </c>
      <c r="AF33" s="3">
        <v>31.079107248258502</v>
      </c>
      <c r="AG33" s="3">
        <v>203.18812813331775</v>
      </c>
      <c r="AH33" s="3">
        <v>27.753158235862099</v>
      </c>
      <c r="AI33" s="3">
        <v>8.1870483285568625</v>
      </c>
      <c r="AJ33" s="3">
        <v>4.2876611094137775</v>
      </c>
      <c r="AK33" s="3">
        <v>7.3788946220800433</v>
      </c>
      <c r="AL33" s="3">
        <v>29.427671669444173</v>
      </c>
      <c r="AM33" s="3">
        <v>6.2086323221866406</v>
      </c>
    </row>
  </sheetData>
  <sortState ref="A3:BL21">
    <sortCondition ref="E3"/>
  </sortState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top 10-CR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evin Neyedley</dc:creator>
  <cp:lastModifiedBy>Kevin Neyedley</cp:lastModifiedBy>
  <dcterms:created xsi:type="dcterms:W3CDTF">2019-07-23T20:03:17Z</dcterms:created>
  <dcterms:modified xsi:type="dcterms:W3CDTF">2020-05-25T13:16:39Z</dcterms:modified>
</cp:coreProperties>
</file>